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1328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854701\Desktop\Sutherland\"/>
    </mc:Choice>
  </mc:AlternateContent>
  <xr:revisionPtr revIDLastSave="0" documentId="13_ncr:1_{BEF94583-5FDD-48CC-8A38-C99D09BFBEB4}" xr6:coauthVersionLast="41" xr6:coauthVersionMax="41" xr10:uidLastSave="{00000000-0000-0000-0000-000000000000}"/>
  <bookViews>
    <workbookView xWindow="21480" yWindow="-120" windowWidth="21840" windowHeight="13740" xr2:uid="{00000000-000D-0000-FFFF-FFFF00000000}"/>
  </bookViews>
  <sheets>
    <sheet name="1-PO" sheetId="6" r:id="rId1"/>
    <sheet name="2-Invoice" sheetId="14" r:id="rId2"/>
    <sheet name="3-Order Confirmation" sheetId="2" r:id="rId3"/>
    <sheet name="4-Advance Ship Notice" sheetId="15" r:id="rId4"/>
  </sheets>
  <calcPr calcId="179017"/>
</workbook>
</file>

<file path=xl/sharedStrings.xml><?xml version="1.0" encoding="utf-8"?>
<sst xmlns="http://schemas.openxmlformats.org/spreadsheetml/2006/main" count="619" uniqueCount="380">
  <si>
    <t>&lt;?xml version="1.0" encoding="UTF-8"?&gt;</t>
  </si>
  <si>
    <t xml:space="preserve">    &lt;Header&gt;</t>
  </si>
  <si>
    <t xml:space="preserve">        &lt;From&gt;</t>
  </si>
  <si>
    <t xml:space="preserve">            &lt;/Credential&gt;</t>
  </si>
  <si>
    <t xml:space="preserve">        &lt;/From&gt;</t>
  </si>
  <si>
    <t xml:space="preserve">        &lt;To&gt;</t>
  </si>
  <si>
    <t xml:space="preserve">        &lt;/To&gt;</t>
  </si>
  <si>
    <t xml:space="preserve">        &lt;Sender&gt;</t>
  </si>
  <si>
    <t xml:space="preserve">            &lt;UserAgent&gt;Supplier&lt;/UserAgent&gt;</t>
  </si>
  <si>
    <t xml:space="preserve">        &lt;/Sender&gt;</t>
  </si>
  <si>
    <t xml:space="preserve">    &lt;/Header&gt;</t>
  </si>
  <si>
    <t xml:space="preserve">                    &lt;UnitOfMeasure&gt;EA&lt;/UnitOfMeasure&gt;</t>
  </si>
  <si>
    <t xml:space="preserve">    &lt;/Request&gt;</t>
  </si>
  <si>
    <t>&lt;/cXML&gt;</t>
  </si>
  <si>
    <t>Delta Requirements</t>
  </si>
  <si>
    <t xml:space="preserve">        &lt;ConfirmationRequest&gt;</t>
  </si>
  <si>
    <t xml:space="preserve">            &lt;/OrderReference&gt;</t>
  </si>
  <si>
    <t xml:space="preserve">        &lt;/ConfirmationRequest&gt;</t>
  </si>
  <si>
    <t>The data in this column identifies the specific and unique requirements from the sample transaction in column B.</t>
  </si>
  <si>
    <t>The data in this column identifies the specific and unique requirements from the sample transaction in column A.</t>
  </si>
  <si>
    <t xml:space="preserve">Order Request/Close </t>
  </si>
  <si>
    <t>&lt;!DOCTYPE cXML SYSTEM "http://xml.cxml.org/schemas/cXML/1.2.042/cXML.dtd"&gt;</t>
  </si>
  <si>
    <t xml:space="preserve">            &lt;Credential domain="NetworkId"&gt;</t>
  </si>
  <si>
    <t xml:space="preserve">            &lt;Credential domain="SystemID"&gt;</t>
  </si>
  <si>
    <t xml:space="preserve">            &lt;Credential domain="buyersystemid"&gt;</t>
  </si>
  <si>
    <t xml:space="preserve">            &lt;Credential domain="internalsupplierid"&gt;</t>
  </si>
  <si>
    <t xml:space="preserve">            &lt;Credential domain="sap"&gt;</t>
  </si>
  <si>
    <t xml:space="preserve">            &lt;Credential domain="NetworkID"&gt;</t>
  </si>
  <si>
    <t xml:space="preserve">                    &lt;PostalAddress name="default"&gt;</t>
  </si>
  <si>
    <t xml:space="preserve">                    &lt;/PostalAddress&gt;</t>
  </si>
  <si>
    <t xml:space="preserve">                &lt;/Contact&gt;</t>
  </si>
  <si>
    <t xml:space="preserve">            &lt;Credential domain="AribaNetworkUserId"&gt;</t>
  </si>
  <si>
    <t xml:space="preserve">                &lt;Identity&gt;sysadmin@ariba.com&lt;/Identity&gt;</t>
  </si>
  <si>
    <t xml:space="preserve">            &lt;UserAgent&gt;Buyer 14s2&lt;/UserAgent&gt;</t>
  </si>
  <si>
    <t xml:space="preserve">        &lt;OrderRequest&gt;</t>
  </si>
  <si>
    <t xml:space="preserve">                &lt;Total&gt;</t>
  </si>
  <si>
    <t xml:space="preserve">                &lt;/Total&gt;</t>
  </si>
  <si>
    <t xml:space="preserve">                &lt;ShipTo&gt;</t>
  </si>
  <si>
    <t xml:space="preserve">                        &lt;PostalAddress name="default"&gt;</t>
  </si>
  <si>
    <t xml:space="preserve">                        &lt;/PostalAddress&gt;</t>
  </si>
  <si>
    <t xml:space="preserve">                    &lt;/Address&gt;</t>
  </si>
  <si>
    <t xml:space="preserve">                &lt;/ShipTo&gt;</t>
  </si>
  <si>
    <t xml:space="preserve">                &lt;BillTo&gt;</t>
  </si>
  <si>
    <t xml:space="preserve">                &lt;/BillTo&gt;</t>
  </si>
  <si>
    <t xml:space="preserve">            &lt;/OrderRequestHeader&gt;</t>
  </si>
  <si>
    <t xml:space="preserve">                &lt;ItemID&gt;</t>
  </si>
  <si>
    <t xml:space="preserve">                &lt;/ItemID&gt;</t>
  </si>
  <si>
    <t xml:space="preserve">                &lt;ItemDetail&gt;</t>
  </si>
  <si>
    <t xml:space="preserve">                    &lt;UnitPrice&gt;</t>
  </si>
  <si>
    <t xml:space="preserve">                    &lt;/UnitPrice&gt;</t>
  </si>
  <si>
    <t xml:space="preserve">                    &lt;Extrinsic name="Req. Line No."&gt;1&lt;/Extrinsic&gt;</t>
  </si>
  <si>
    <t xml:space="preserve">                &lt;/ItemDetail&gt;</t>
  </si>
  <si>
    <t xml:space="preserve">            &lt;/ItemOut&gt;</t>
  </si>
  <si>
    <t xml:space="preserve">        &lt;/OrderRequest&gt;</t>
  </si>
  <si>
    <t>Bill To Address - Required back on invoice</t>
  </si>
  <si>
    <t>Ship To Address - Required back on invoice</t>
  </si>
  <si>
    <t xml:space="preserve">                        &lt;Country isoCountryCode="US"&gt;United States&lt;/Country&gt;</t>
  </si>
  <si>
    <t xml:space="preserve">                        &lt;Name xml:lang="en"/&gt;</t>
  </si>
  <si>
    <t xml:space="preserve">                            &lt;Country isoCountryCode="US"&gt;United States&lt;/Country&gt;</t>
  </si>
  <si>
    <t xml:space="preserve">                    &lt;SupplierPartID&gt;Not Available&lt;/SupplierPartID&gt;</t>
  </si>
  <si>
    <t xml:space="preserve">            &lt;Credential domain="VendorID"&gt;</t>
  </si>
  <si>
    <t xml:space="preserve">            &lt;Credential domain="VendorSiteID"&gt;</t>
  </si>
  <si>
    <t xml:space="preserve">                &lt;Identity&gt;</t>
  </si>
  <si>
    <t xml:space="preserve">                &lt;/Identity&gt;</t>
  </si>
  <si>
    <t xml:space="preserve">            &lt;Credential domain="PrivateID"&gt;</t>
  </si>
  <si>
    <t xml:space="preserve">                &lt;Identity&gt;AN01000000001&lt;/Identity&gt;</t>
  </si>
  <si>
    <t xml:space="preserve">        &lt;InvoiceDetailRequest&gt;</t>
  </si>
  <si>
    <t xml:space="preserve">            invoiceOrigin="supplier" </t>
  </si>
  <si>
    <t xml:space="preserve">            operation="new" </t>
  </si>
  <si>
    <t xml:space="preserve">            purpose="standard"&gt;</t>
  </si>
  <si>
    <t xml:space="preserve">                &lt;InvoiceDetailHeaderIndicator/&gt;</t>
  </si>
  <si>
    <t xml:space="preserve">                &lt;InvoicePartner&gt;</t>
  </si>
  <si>
    <t xml:space="preserve">                    &lt;/Contact&gt;</t>
  </si>
  <si>
    <t xml:space="preserve">                &lt;/InvoicePartner&gt;</t>
  </si>
  <si>
    <t xml:space="preserve">                            &lt;City&gt;Dallas&lt;/City&gt;</t>
  </si>
  <si>
    <t xml:space="preserve">                &lt;InvoiceDetailShipping&gt;</t>
  </si>
  <si>
    <t xml:space="preserve">                &lt;/InvoiceDetailShipping&gt;</t>
  </si>
  <si>
    <t xml:space="preserve">            &lt;/InvoiceDetailRequestHeader&gt;</t>
  </si>
  <si>
    <t xml:space="preserve">            &lt;InvoiceDetailOrder&gt;</t>
  </si>
  <si>
    <t xml:space="preserve">                &lt;InvoiceDetailOrderInfo&gt;</t>
  </si>
  <si>
    <t xml:space="preserve">                &lt;/InvoiceDetailOrderInfo&gt;</t>
  </si>
  <si>
    <t xml:space="preserve">                    &lt;InvoiceDetailItemReference lineNumber="1"&gt;</t>
  </si>
  <si>
    <t xml:space="preserve">                        &lt;ItemID&gt;</t>
  </si>
  <si>
    <t xml:space="preserve">                        &lt;/ItemID&gt;</t>
  </si>
  <si>
    <t xml:space="preserve">                    &lt;/InvoiceDetailItemReference&gt;</t>
  </si>
  <si>
    <t xml:space="preserve">                    &lt;SubtotalAmount&gt;</t>
  </si>
  <si>
    <t xml:space="preserve">                    &lt;/SubtotalAmount&gt;</t>
  </si>
  <si>
    <t xml:space="preserve">                    &lt;GrossAmount&gt;</t>
  </si>
  <si>
    <t xml:space="preserve">                    &lt;/GrossAmount&gt;</t>
  </si>
  <si>
    <t xml:space="preserve">                    &lt;NetAmount&gt;</t>
  </si>
  <si>
    <t xml:space="preserve">                    &lt;/NetAmount&gt;</t>
  </si>
  <si>
    <t xml:space="preserve">                &lt;/InvoiceDetailItem&gt;</t>
  </si>
  <si>
    <t xml:space="preserve">            &lt;/InvoiceDetailOrder&gt;</t>
  </si>
  <si>
    <t xml:space="preserve">            &lt;InvoiceDetailSummary&gt;</t>
  </si>
  <si>
    <t xml:space="preserve">                &lt;SubtotalAmount&gt;</t>
  </si>
  <si>
    <t xml:space="preserve">                &lt;/SubtotalAmount&gt;</t>
  </si>
  <si>
    <t xml:space="preserve">                &lt;Tax&gt;</t>
  </si>
  <si>
    <t xml:space="preserve">                    &lt;Description xml:lang="en-US"&gt;&lt;/Description&gt;</t>
  </si>
  <si>
    <t xml:space="preserve">                        &lt;TaxableAmount&gt;</t>
  </si>
  <si>
    <t xml:space="preserve">                        &lt;/TaxableAmount&gt;</t>
  </si>
  <si>
    <t xml:space="preserve">                        &lt;TaxAmount&gt;</t>
  </si>
  <si>
    <t xml:space="preserve">                        &lt;/TaxAmount&gt;</t>
  </si>
  <si>
    <t xml:space="preserve">                    &lt;/TaxDetail&gt;</t>
  </si>
  <si>
    <t xml:space="preserve">                &lt;/Tax&gt;</t>
  </si>
  <si>
    <t xml:space="preserve">                &lt;GrossAmount&gt;</t>
  </si>
  <si>
    <t xml:space="preserve">                &lt;/GrossAmount&gt;</t>
  </si>
  <si>
    <t xml:space="preserve">                &lt;NetAmount&gt;</t>
  </si>
  <si>
    <t xml:space="preserve">                &lt;/NetAmount&gt;</t>
  </si>
  <si>
    <t xml:space="preserve">                &lt;DueAmount&gt;</t>
  </si>
  <si>
    <t xml:space="preserve">                &lt;/DueAmount&gt;</t>
  </si>
  <si>
    <t xml:space="preserve">            &lt;/InvoiceDetailSummary&gt;</t>
  </si>
  <si>
    <t xml:space="preserve">        &lt;/InvoiceDetailRequest&gt;</t>
  </si>
  <si>
    <t>Bill To Address - Required</t>
  </si>
  <si>
    <t>Ship From Adress - Required</t>
  </si>
  <si>
    <t xml:space="preserve">            &lt;Credential domain="EndPointID"&gt;</t>
  </si>
  <si>
    <t xml:space="preserve">                &lt;Extrinsic name="invoiceSourceDocument"&gt;PurchaseOrder&lt;/Extrinsic&gt;</t>
  </si>
  <si>
    <t xml:space="preserve">                    &lt;/OrderReference&gt;</t>
  </si>
  <si>
    <t>&lt;!DOCTYPE cXML SYSTEM "http://xml.cxml.org/schemas/cXML/1.2.044/Fulfill.dtd"&gt;</t>
  </si>
  <si>
    <t xml:space="preserve">        &lt;ShipNoticeRequest&gt;</t>
  </si>
  <si>
    <t xml:space="preserve">                &lt;Contact role="shipFrom"&gt;</t>
  </si>
  <si>
    <t xml:space="preserve">                    &lt;PostalAddress&gt;</t>
  </si>
  <si>
    <t xml:space="preserve">            &lt;/ShipNoticeHeader&gt;</t>
  </si>
  <si>
    <t xml:space="preserve">            &lt;ShipControl&gt;</t>
  </si>
  <si>
    <t xml:space="preserve">                &lt;TransportInformation&gt;</t>
  </si>
  <si>
    <t xml:space="preserve">                    &lt;ShippingContractNumber&gt;&lt;/ShippingContractNumber&gt;</t>
  </si>
  <si>
    <t xml:space="preserve">                    &lt;ShippingInstructions&gt;</t>
  </si>
  <si>
    <t xml:space="preserve">                    &lt;/ShippingInstructions&gt;</t>
  </si>
  <si>
    <t xml:space="preserve">                &lt;/TransportInformation&gt;</t>
  </si>
  <si>
    <t xml:space="preserve">            &lt;/ShipControl&gt;</t>
  </si>
  <si>
    <t xml:space="preserve">            &lt;ShipNoticePortion&gt;</t>
  </si>
  <si>
    <t xml:space="preserve">                &lt;/OrderReference&gt;</t>
  </si>
  <si>
    <t xml:space="preserve">                &lt;ShipNoticeItem shipNoticeLineNumber="1" lineNumber="1" quantity="1"&gt;</t>
  </si>
  <si>
    <t xml:space="preserve">                    &lt;ItemID&gt;</t>
  </si>
  <si>
    <t xml:space="preserve">                    &lt;/ItemID&gt;</t>
  </si>
  <si>
    <t xml:space="preserve">                    &lt;ShipNoticeItemDetail&gt;</t>
  </si>
  <si>
    <t xml:space="preserve">                        &lt;UnitPrice&gt;</t>
  </si>
  <si>
    <t xml:space="preserve">                        &lt;/UnitPrice&gt;</t>
  </si>
  <si>
    <t xml:space="preserve">                        &lt;UnitOfMeasure&gt;EA&lt;/UnitOfMeasure&gt;</t>
  </si>
  <si>
    <t xml:space="preserve">                    &lt;/ShipNoticeItemDetail&gt;</t>
  </si>
  <si>
    <t xml:space="preserve">                &lt;/ShipNoticeItem&gt;</t>
  </si>
  <si>
    <t xml:space="preserve">            &lt;/ShipNoticePortion&gt;</t>
  </si>
  <si>
    <t xml:space="preserve">        &lt;/ShipNoticeRequest&gt;</t>
  </si>
  <si>
    <t>&lt;!DOCTYPE cXML SYSTEM "http://xml.cxml.org/schemas/cXML/1.2.042/InvoiceDetail.dtd"&gt;</t>
  </si>
  <si>
    <t>&lt;cXML payloadID="1572508838478.42742481.000000531@SdrjxZwB33Yt9h+CXKRyaFvBs3M=" timestamp="2019-10-31T01:00:38-07:00" version="1.2.042" xml:lang="en-US"&gt;</t>
  </si>
  <si>
    <t xml:space="preserve">                &lt;Identity&gt;AN01000114741&lt;/Identity&gt;</t>
  </si>
  <si>
    <t xml:space="preserve">                &lt;Identity&gt;c10598&lt;/Identity&gt;</t>
  </si>
  <si>
    <t xml:space="preserve">            &lt;Credential domain="duns"&gt;</t>
  </si>
  <si>
    <t xml:space="preserve">                &lt;Identity&gt;622286318&lt;/Identity&gt;</t>
  </si>
  <si>
    <t xml:space="preserve">            &lt;Credential domain="ustin"&gt;</t>
  </si>
  <si>
    <t xml:space="preserve">                &lt;Identity&gt;943120525&lt;/Identity&gt;</t>
  </si>
  <si>
    <t xml:space="preserve">                &lt;Identity&gt;1000007490&lt;/Identity&gt;</t>
  </si>
  <si>
    <t xml:space="preserve">                &lt;Identity&gt;child1&lt;/Identity&gt;</t>
  </si>
  <si>
    <t xml:space="preserve">                &lt;Identity&gt;AN01045931726&lt;/Identity&gt;</t>
  </si>
  <si>
    <t xml:space="preserve">    &lt;Request deploymentMode="production"&gt;</t>
  </si>
  <si>
    <t xml:space="preserve">            &lt;InvoiceDetailRequestHeader </t>
  </si>
  <si>
    <t xml:space="preserve">            invoiceDate="2019-10-29T00:51:00-07:00" </t>
  </si>
  <si>
    <t xml:space="preserve">            invoiceID="INV-8100-141859" </t>
  </si>
  <si>
    <t xml:space="preserve">                &lt;InvoiceDetailLineIndicator isAccountingInLine="yes" isTaxInLine="yes"/&gt;</t>
  </si>
  <si>
    <t xml:space="preserve">                    &lt;Contact addressID="SHARE:JEFFRD" role="billTo"&gt;</t>
  </si>
  <si>
    <t xml:space="preserve">                        &lt;Name xml:lang="en"&gt;Sutherland Global Services Inc.,&lt;/Name&gt;</t>
  </si>
  <si>
    <t xml:space="preserve">                            &lt;Street&gt;Sutherland Global Services 1180 Jefferson Road&lt;/Street&gt;</t>
  </si>
  <si>
    <t xml:space="preserve">                            &lt;Street&gt;1180 Jefferson Road&lt;/Street&gt;</t>
  </si>
  <si>
    <t xml:space="preserve">                            &lt;City&gt;Rochester&lt;/City&gt;</t>
  </si>
  <si>
    <t xml:space="preserve">                            &lt;State isoStateCode=""&gt;New York&lt;/State&gt;</t>
  </si>
  <si>
    <t xml:space="preserve">                            &lt;PostalCode&gt;14623&lt;/PostalCode&gt;</t>
  </si>
  <si>
    <t xml:space="preserve">                        &lt;Phone name="work"&gt;</t>
  </si>
  <si>
    <t xml:space="preserve">                            &lt;TelephoneNumber&gt;</t>
  </si>
  <si>
    <t xml:space="preserve">                                &lt;CountryCode isoCountryCode="US"&gt;1&lt;/CountryCode&gt;</t>
  </si>
  <si>
    <t xml:space="preserve">                                &lt;AreaOrCityCode&gt;585&lt;/AreaOrCityCode&gt;</t>
  </si>
  <si>
    <t xml:space="preserve">                                &lt;Number&gt;5865757&lt;/Number&gt;</t>
  </si>
  <si>
    <t xml:space="preserve">                            &lt;/TelephoneNumber&gt;</t>
  </si>
  <si>
    <t xml:space="preserve">                        &lt;/Phone&gt;</t>
  </si>
  <si>
    <t xml:space="preserve">                    &lt;Contact addressID="1000007490-AR-USA-02-4" role="remitTo"&gt;</t>
  </si>
  <si>
    <t xml:space="preserve">                        &lt;Name xml:lang="en"&gt;Genesys Telecommunication Laboratories:AR-USA-02&lt;/Name&gt;</t>
  </si>
  <si>
    <t xml:space="preserve">                            &lt;Street&gt;P.O. Box 201005&lt;/Street&gt;</t>
  </si>
  <si>
    <t xml:space="preserve">                            &lt;PostalCode&gt;75320-1005&lt;/PostalCode&gt;</t>
  </si>
  <si>
    <t xml:space="preserve">                    &lt;Contact addressID="1000007490-AR-USA-02-1" role="from"&gt;</t>
  </si>
  <si>
    <t xml:space="preserve">                        &lt;Name xml:lang="en"&gt;Dallas4&lt;/Name&gt;</t>
  </si>
  <si>
    <t xml:space="preserve">                            &lt;Street&gt;P.O. Box 201005,&lt;/Street&gt;</t>
  </si>
  <si>
    <t xml:space="preserve">                            &lt;State isoStateCode=""&gt;TX&lt;/State&gt;</t>
  </si>
  <si>
    <t xml:space="preserve">                    &lt;Contact addressID="" role="billFrom"&gt;</t>
  </si>
  <si>
    <t xml:space="preserve">                    &lt;Contact addressID="1000007490-AR-USA-02-1" role="shipFrom"&gt;</t>
  </si>
  <si>
    <t xml:space="preserve">                        &lt;Email name="default" preferredLang="en"&gt; Jim.Connolly@genesys.com &lt;/Email&gt;</t>
  </si>
  <si>
    <t xml:space="preserve">                                &lt;AreaOrCityCode&gt;397&lt;/AreaOrCityCode&gt;</t>
  </si>
  <si>
    <t xml:space="preserve">                                &lt;Number&gt;0987&lt;/Number&gt;</t>
  </si>
  <si>
    <t xml:space="preserve">                    &lt;Contact addressID="SHARE:JEFFRD" role="shipTo"&gt;</t>
  </si>
  <si>
    <t xml:space="preserve">                &lt;Extrinsic name="TaxInvoiceNumber"/&gt;</t>
  </si>
  <si>
    <t xml:space="preserve">                &lt;Extrinsic name="invoiceSubmissionMethod"&gt;PaperInvoice&lt;/Extrinsic&gt;</t>
  </si>
  <si>
    <t xml:space="preserve">                &lt;Extrinsic name="paymentMethod"/&gt;</t>
  </si>
  <si>
    <t xml:space="preserve">                &lt;Extrinsic name="BusinessUnit"&gt;USA01&lt;/Extrinsic&gt;</t>
  </si>
  <si>
    <t xml:space="preserve">                    &lt;OrderReference orderDate="2019-10-25T13:03:41-07:00" orderID="0000002409"&gt;</t>
  </si>
  <si>
    <t xml:space="preserve">                        &lt;DocumentReference payloadID="1572033820525.159336135.000001615@+Qg3SHb8bwLMSEYKUHr/AXxZq40="&gt;&lt;/DocumentReference&gt;</t>
  </si>
  <si>
    <t xml:space="preserve">                    &lt;SupplierOrderInfo orderID="Unknown"&gt;&lt;/SupplierOrderInfo&gt;</t>
  </si>
  <si>
    <t xml:space="preserve">                &lt;InvoiceDetailItem quantity="1" invoiceLineNumber="1"&gt;</t>
  </si>
  <si>
    <t xml:space="preserve">                        &lt;Money alternateCurrency="" alternateAmount="" currency="USD"&gt;236,192&lt;/Money&gt;</t>
  </si>
  <si>
    <t xml:space="preserve">                            &lt;SupplierPartID&gt;&lt;/SupplierPartID&gt;</t>
  </si>
  <si>
    <t xml:space="preserve">                        &lt;Description xml:lang="en-US"&gt;Genesys Business Care and support&lt;/Description&gt;</t>
  </si>
  <si>
    <t xml:space="preserve">                        &lt;Classification domain="unspsc"&gt;81112200&lt;/Classification&gt;</t>
  </si>
  <si>
    <t xml:space="preserve">                        &lt;Classification domain=""&gt;&lt;/Classification&gt;</t>
  </si>
  <si>
    <t xml:space="preserve">                        &lt;Country isoCountryCode="US"&gt;United States</t>
  </si>
  <si>
    <t>&lt;/Country&gt;</t>
  </si>
  <si>
    <t xml:space="preserve">                        &lt;Money alternateCurrency="" alternateAmount="" currency="USD"&gt;236,192.00&lt;/Money&gt;</t>
  </si>
  <si>
    <t xml:space="preserve">                    &lt;Tax&gt;</t>
  </si>
  <si>
    <t xml:space="preserve">                        &lt;Money alternateCurrency="" alternateAmount="" currency="USD"&gt;18,895.36&lt;/Money&gt;</t>
  </si>
  <si>
    <t xml:space="preserve">                        &lt;Description xml:lang="en-US"&gt;TotalItemTax&lt;/Description&gt;</t>
  </si>
  <si>
    <t xml:space="preserve">                        &lt;TaxDetail percentageRate="8.00" category="sales" purpose=""&gt;</t>
  </si>
  <si>
    <t xml:space="preserve">                            &lt;TaxableAmount&gt;</t>
  </si>
  <si>
    <t xml:space="preserve">                                &lt;Money alternateCurrency="" alternateAmount="" currency="USD"&gt;236,192.00&lt;/Money&gt;</t>
  </si>
  <si>
    <t xml:space="preserve">                            &lt;/TaxableAmount&gt;</t>
  </si>
  <si>
    <t xml:space="preserve">                            &lt;TaxAmount&gt;</t>
  </si>
  <si>
    <t xml:space="preserve">                                &lt;Money alternateCurrency="" alternateAmount="" currency="USD"&gt;18,895.36&lt;/Money&gt;</t>
  </si>
  <si>
    <t xml:space="preserve">                            &lt;/TaxAmount&gt;</t>
  </si>
  <si>
    <t xml:space="preserve">                            &lt;Description xml:lang="en"&gt;Sales/Use Tax - line level&lt;/Description&gt;</t>
  </si>
  <si>
    <t xml:space="preserve">                        &lt;/TaxDetail&gt;</t>
  </si>
  <si>
    <t xml:space="preserve">                    &lt;/Tax&gt;</t>
  </si>
  <si>
    <t xml:space="preserve">                        &lt;Money alternateCurrency="" alternateAmount="" currency="USD"&gt;255,087.36&lt;/Money&gt;</t>
  </si>
  <si>
    <t xml:space="preserve">                    &lt;Distribution&gt;</t>
  </si>
  <si>
    <t xml:space="preserve">                        &lt;Accounting name="DistributionCharge"&gt;</t>
  </si>
  <si>
    <t xml:space="preserve">                            &lt;AccountingSegment id="100"&gt;</t>
  </si>
  <si>
    <t xml:space="preserve">                                &lt;Name xml:lang="en"&gt;Percentage&lt;/Name&gt;</t>
  </si>
  <si>
    <t xml:space="preserve">                                &lt;Description xml:lang="en"&gt;Percentage&lt;/Description&gt;</t>
  </si>
  <si>
    <t xml:space="preserve">                            &lt;/AccountingSegment&gt;</t>
  </si>
  <si>
    <t xml:space="preserve">                            &lt;AccountingSegment id="10000"&gt;</t>
  </si>
  <si>
    <t xml:space="preserve">                                &lt;Name xml:lang="en"&gt;Department&lt;/Name&gt;</t>
  </si>
  <si>
    <t xml:space="preserve">                                &lt;Description xml:lang="en"&gt;ID&lt;/Description&gt;</t>
  </si>
  <si>
    <t xml:space="preserve">                            &lt;AccountingSegment id="SHARE:1309900"&gt;</t>
  </si>
  <si>
    <t xml:space="preserve">                                &lt;Name xml:lang="en"&gt;Account&lt;/Name&gt;</t>
  </si>
  <si>
    <t xml:space="preserve">                        &lt;/Accounting&gt;</t>
  </si>
  <si>
    <t xml:space="preserve">                        &lt;Charge&gt;</t>
  </si>
  <si>
    <t xml:space="preserve">                            &lt;Money alternateCurrency="" alternateAmount="" currency="USD"&gt;236,192.00&lt;/Money&gt;</t>
  </si>
  <si>
    <t xml:space="preserve">                        &lt;/Charge&gt;</t>
  </si>
  <si>
    <t xml:space="preserve">                    &lt;/Distribution&gt;</t>
  </si>
  <si>
    <t xml:space="preserve">                    &lt;Comments&gt;&lt;/Comments&gt;</t>
  </si>
  <si>
    <t xml:space="preserve">                    &lt;Extrinsic name="GR Based Invoice"&gt;No&lt;/Extrinsic&gt;</t>
  </si>
  <si>
    <t xml:space="preserve">                    &lt;Extrinsic name="receiptID"&gt;&lt;/Extrinsic&gt;</t>
  </si>
  <si>
    <t xml:space="preserve">                    &lt;Extrinsic name="ReceiptLineNumber"&gt;&lt;/Extrinsic&gt;</t>
  </si>
  <si>
    <t xml:space="preserve">                    &lt;Extrinsic name="agencyLocationCode"&gt;&lt;/Extrinsic&gt;</t>
  </si>
  <si>
    <t xml:space="preserve">                    &lt;Extrinsic name="parentPOLineNumber"&gt;1&lt;/Extrinsic&gt;</t>
  </si>
  <si>
    <t xml:space="preserve">                    &lt;Money alternateCurrency="" alternateAmount="" currency="USD"&gt;236,192.00&lt;/Money&gt;</t>
  </si>
  <si>
    <t xml:space="preserve">                    &lt;Money alternateCurrency="" alternateAmount="" currency="USD"&gt;18,895.36&lt;/Money&gt;</t>
  </si>
  <si>
    <t xml:space="preserve">                    &lt;Description xml:lang="en"&gt;TotalTax</t>
  </si>
  <si>
    <t>&lt;/Description&gt;</t>
  </si>
  <si>
    <t xml:space="preserve">                    &lt;TaxDetail percentageRate="8.00" category="sales" purpose=""&gt;</t>
  </si>
  <si>
    <t xml:space="preserve">                            &lt;Money alternateCurrency="" alternateAmount="" currency="USD"&gt;18,895.36&lt;/Money&gt;</t>
  </si>
  <si>
    <t xml:space="preserve">                        &lt;Description xml:lang="en"&gt;Sales/Use Tax - line level&lt;/Description&gt;</t>
  </si>
  <si>
    <t xml:space="preserve">                &lt;SpecialHandlingAmount&gt;</t>
  </si>
  <si>
    <t xml:space="preserve">                    &lt;Money alternateCurrency="" alternateAmount="" currency="USD"&gt;0.00&lt;/Money&gt;</t>
  </si>
  <si>
    <t xml:space="preserve">                &lt;/SpecialHandlingAmount&gt;</t>
  </si>
  <si>
    <t xml:space="preserve">                &lt;ShippingAmount&gt;</t>
  </si>
  <si>
    <t xml:space="preserve">                &lt;/ShippingAmount&gt;</t>
  </si>
  <si>
    <t xml:space="preserve">                    &lt;Money alternateCurrency="" alternateAmount="" currency="USD"&gt;255,087.36&lt;/Money&gt;</t>
  </si>
  <si>
    <t xml:space="preserve">                &lt;InvoiceDetailDiscount&gt;</t>
  </si>
  <si>
    <t xml:space="preserve">                &lt;/InvoiceDetailDiscount&gt;</t>
  </si>
  <si>
    <t xml:space="preserve">                &lt;TotalCharges&gt;</t>
  </si>
  <si>
    <t xml:space="preserve">                &lt;/TotalCharges&gt;</t>
  </si>
  <si>
    <t>&lt;cXML payloadID="1572033820525.159336135.000001615@+Qg3SHb8bwLMSEYKUHr/AXxZq40=" timestamp="2019-10-25T13:03:40-07:00" version="1.2.042" xml:lang="en-US"&gt;</t>
  </si>
  <si>
    <t xml:space="preserve">                    &lt;Money alternateAmount="" alternateCurrency="" currency="USD"&gt;236,192&lt;/Money&gt;</t>
  </si>
  <si>
    <t xml:space="preserve">                    &lt;Address addressID="SHARE:JEFFRD" isoCountryCode="US"&gt;</t>
  </si>
  <si>
    <t xml:space="preserve">                            &lt;DeliverTo&gt;Addison Robert E&lt;/DeliverTo&gt;</t>
  </si>
  <si>
    <t xml:space="preserve">                            &lt;DeliverTo&gt;Sutherland Global Services Inc.,&lt;/DeliverTo&gt;</t>
  </si>
  <si>
    <t xml:space="preserve">                            &lt;State&gt;New York&lt;/State&gt;</t>
  </si>
  <si>
    <t xml:space="preserve">                        &lt;Email name="default" preferredLang="en-US"&gt;robert.addison@sutherlandglobal.com&lt;/Email&gt;</t>
  </si>
  <si>
    <t xml:space="preserve">                &lt;Contact addressID="1000007490-AR-USA-01-1" role="supplierAccount"&gt;</t>
  </si>
  <si>
    <t xml:space="preserve">                    &lt;Name xml:lang="en"&gt;Daly City3&lt;/Name&gt;</t>
  </si>
  <si>
    <t xml:space="preserve">                        &lt;Street&gt;2001 Junipero Serra Blvd,&lt;/Street&gt;</t>
  </si>
  <si>
    <t xml:space="preserve">                        &lt;City&gt;Daly City&lt;/City&gt;</t>
  </si>
  <si>
    <t xml:space="preserve">                        &lt;State&gt;CA&lt;/State&gt;</t>
  </si>
  <si>
    <t xml:space="preserve">                        &lt;PostalCode&gt;94014&lt;/PostalCode&gt;</t>
  </si>
  <si>
    <t xml:space="preserve">                    &lt;Email name="work" preferredLang="en-US"&gt; Jim.Connolly@genesys.com &lt;/Email&gt;</t>
  </si>
  <si>
    <t xml:space="preserve">                    &lt;Phone name="work"&gt;</t>
  </si>
  <si>
    <t xml:space="preserve">                        &lt;TelephoneNumber&gt;</t>
  </si>
  <si>
    <t xml:space="preserve">                            &lt;CountryCode isoCountryCode="US"&gt;1&lt;/CountryCode&gt;</t>
  </si>
  <si>
    <t xml:space="preserve">                            &lt;AreaOrCityCode&gt;397&lt;/AreaOrCityCode&gt;</t>
  </si>
  <si>
    <t xml:space="preserve">                            &lt;Number&gt;0987&lt;/Number&gt;</t>
  </si>
  <si>
    <t xml:space="preserve">                        &lt;/TelephoneNumber&gt;</t>
  </si>
  <si>
    <t xml:space="preserve">                    &lt;/Phone&gt;</t>
  </si>
  <si>
    <t xml:space="preserve">                         &lt;Extrinsic name="Payment Terms"&gt;Net 45&lt;/Extrinsic&gt;</t>
  </si>
  <si>
    <t xml:space="preserve">                &lt;Extrinsic name="LogoURL"&gt;https://s1.ariba.com/Buyer/Main/ad/awres/sutherlandglobal-child1/PH_Logo_Update/images/Logo.png&lt;/Extrinsic&gt;</t>
  </si>
  <si>
    <t xml:space="preserve">                &lt;Extrinsic name="PUName"&gt;USA01&lt;/Extrinsic&gt;</t>
  </si>
  <si>
    <t xml:space="preserve">                &lt;Extrinsic name="placeOfSupply"/&gt;</t>
  </si>
  <si>
    <t xml:space="preserve">            &lt;ItemOut isAdHoc="yes" quantity="1" requestedDeliveryDate="2019-10-25T04:00:00-07:00" lineNumber="1"&gt;</t>
  </si>
  <si>
    <t xml:space="preserve">                    &lt;Description xml:lang="en"&gt;Genesys Business Care and support for Disney&lt;/Description&gt;</t>
  </si>
  <si>
    <t xml:space="preserve">                    &lt;Classification domain="unspsc"&gt;81112200&lt;/Classification&gt;</t>
  </si>
  <si>
    <t xml:space="preserve">                    &lt;LeadTime&gt;0&lt;/LeadTime&gt;</t>
  </si>
  <si>
    <t xml:space="preserve">                    &lt;Extrinsic name="AmountBasedReceiving"&gt;Yes&lt;/Extrinsic&gt;</t>
  </si>
  <si>
    <t xml:space="preserve">                    &lt;Extrinsic name="Buyer Tax Registration No."&gt;&lt;/Extrinsic&gt;</t>
  </si>
  <si>
    <t xml:space="preserve">                    &lt;Extrinsic name="Requester"&gt;Addison Robert E&lt;/Extrinsic&gt;</t>
  </si>
  <si>
    <t xml:space="preserve">                    &lt;Extrinsic name="PR No."&gt;PR9824&lt;/Extrinsic&gt;</t>
  </si>
  <si>
    <t xml:space="preserve">                    &lt;Extrinsic name="Supplier Tax Registration No."&gt;&lt;/Extrinsic&gt;</t>
  </si>
  <si>
    <t xml:space="preserve">                    &lt;Extrinsic name="HSNSAC"&gt;&lt;/Extrinsic&gt;</t>
  </si>
  <si>
    <t xml:space="preserve">                    &lt;Extrinsic name="QuoteReference"&gt;&lt;/Extrinsic&gt;</t>
  </si>
  <si>
    <t xml:space="preserve">                    &lt;Extrinsic name="QuoteLineReference"&gt;&lt;/Extrinsic&gt;</t>
  </si>
  <si>
    <t xml:space="preserve">                    &lt;Description xml:lang="en"&gt;$18,895.36 USD&lt;/Description&gt;</t>
  </si>
  <si>
    <t xml:space="preserve">                    &lt;TaxDetail percentageRate="8" category="sales" purpose=""&gt;</t>
  </si>
  <si>
    <t xml:space="preserve">                        &lt;Description xml:lang="en-US"&gt;Sales/Use Tax&lt;/Description&gt;</t>
  </si>
  <si>
    <t xml:space="preserve">                &lt;Distribution&gt;</t>
  </si>
  <si>
    <t xml:space="preserve">                    &lt;Accounting name="DistributionCharge"&gt;</t>
  </si>
  <si>
    <t xml:space="preserve">                        &lt;Segment description="Percentage" id="100" type="Percentage"&gt;&lt;/Segment&gt;</t>
  </si>
  <si>
    <t xml:space="preserve">                        &lt;Segment description="ID" id="10000" type="Department"&gt;&lt;/Segment&gt;</t>
  </si>
  <si>
    <t xml:space="preserve">                        &lt;Segment description="ID" id="SHARE:1309900" type="Account"&gt;&lt;/Segment&gt;</t>
  </si>
  <si>
    <t xml:space="preserve">                    &lt;/Accounting&gt;</t>
  </si>
  <si>
    <t xml:space="preserve">                    &lt;Charge&gt;</t>
  </si>
  <si>
    <t xml:space="preserve">                    &lt;/Charge&gt;</t>
  </si>
  <si>
    <t xml:space="preserve">                &lt;/Distribution&gt;</t>
  </si>
  <si>
    <t xml:space="preserve">                                                   orderID="0000002409"</t>
  </si>
  <si>
    <t xml:space="preserve">                                                   orderType="regular"</t>
  </si>
  <si>
    <t xml:space="preserve">          &lt;OrderRequestHeader orderDate="2019-10-25T13:03:34-07:00"   </t>
  </si>
  <si>
    <t xml:space="preserve">                                                  orderVersion="1" type="new"&gt;</t>
  </si>
  <si>
    <t>Remit To Address - Required</t>
  </si>
  <si>
    <t>&lt;cXML payloadID="1573623457642-4323836375347700790@10.162.97.167" timestamp="2019-11-12T21:37:38-08:00" version="1.2.044" xml:lang="en-IN"&gt;</t>
  </si>
  <si>
    <t xml:space="preserve">                &lt;Identity&gt;AN01405859438&lt;/Identity&gt;</t>
  </si>
  <si>
    <t xml:space="preserve">                &lt;Identity&gt;Default&lt;/Identity&gt;</t>
  </si>
  <si>
    <t xml:space="preserve">            &lt;ShipNoticeHeader shipmentType="actual" </t>
  </si>
  <si>
    <t xml:space="preserve">                              deliveryDate="2019-11-14T22:30:00-08:00" </t>
  </si>
  <si>
    <t xml:space="preserve">                              shipmentDate="2019-11-12T22:30:00-08:00" </t>
  </si>
  <si>
    <t xml:space="preserve">                              noticeDate="2019-11-12T21:37:38-08:00" </t>
  </si>
  <si>
    <t xml:space="preserve">                              operation="new" </t>
  </si>
  <si>
    <t xml:space="preserve">                              shipmentID="1119-20/330"&gt;</t>
  </si>
  <si>
    <t xml:space="preserve">                    &lt;Name xml:lang="en"&gt;Orisenc Technologies Private Limited&lt;/Name&gt;</t>
  </si>
  <si>
    <t xml:space="preserve">                        &lt;Street&gt;No, 5 Balu Nagar&lt;/Street&gt;</t>
  </si>
  <si>
    <t xml:space="preserve">                        &lt;Street&gt;Mogappair East&lt;/Street&gt;</t>
  </si>
  <si>
    <t xml:space="preserve">                        &lt;City&gt;Chennai&lt;/City&gt;</t>
  </si>
  <si>
    <t xml:space="preserve">                        &lt;State&gt;IN-TN&lt;/State&gt;</t>
  </si>
  <si>
    <t xml:space="preserve">                        &lt;PostalCode&gt;600037&lt;/PostalCode&gt;</t>
  </si>
  <si>
    <t xml:space="preserve">                        &lt;Country isoCountryCode="IN"&gt;India&lt;/Country&gt;</t>
  </si>
  <si>
    <t xml:space="preserve">                &lt;Contact addressID="SHARE:MALAD" role="shipTo"&gt;</t>
  </si>
  <si>
    <t xml:space="preserve">                    &lt;Name xml:lang="en"&gt;Sutherland Global Services Pvt Ltd&lt;/Name&gt;</t>
  </si>
  <si>
    <t xml:space="preserve">                        &lt;DeliverTo&gt;Tulasi Sudhakar&lt;/DeliverTo&gt;</t>
  </si>
  <si>
    <t xml:space="preserve">                        &lt;DeliverTo&gt;Sutherland Global Services Pvt Ltd&lt;/DeliverTo&gt;</t>
  </si>
  <si>
    <t xml:space="preserve">                        &lt;Street&gt;Sutherland Global Services Pvt Ltd 101, 201 - 202, 1st  floor, Project Interface Building no. 16, Off link Road, Malad (West)&lt;/Street&gt;</t>
  </si>
  <si>
    <t xml:space="preserve">                        &lt;Street&gt;Building no. 16, Off link Road,&lt;/Street&gt;</t>
  </si>
  <si>
    <t xml:space="preserve">                        &lt;Street&gt;Malad (West)&lt;/Street&gt;</t>
  </si>
  <si>
    <t xml:space="preserve">                        &lt;City&gt;Mumbai&lt;/City&gt;</t>
  </si>
  <si>
    <t xml:space="preserve">                        &lt;State&gt;IN-MH&lt;/State&gt;</t>
  </si>
  <si>
    <t xml:space="preserve">                        &lt;PostalCode&gt;400064&lt;/PostalCode&gt;</t>
  </si>
  <si>
    <t xml:space="preserve">                &lt;TermsOfDelivery&gt;</t>
  </si>
  <si>
    <t xml:space="preserve">                    &lt;TermsOfDeliveryCode value="Other"&gt;Delivered at Place&lt;/TermsOfDeliveryCode&gt;</t>
  </si>
  <si>
    <t xml:space="preserve">                    &lt;ShippingPaymentMethod value="Prepaid-BySeller"&gt;&lt;/ShippingPaymentMethod&gt;</t>
  </si>
  <si>
    <t xml:space="preserve">                    &lt;Comments type="Transport" xml:lang="en-IN"&gt;&lt;/Comments&gt;</t>
  </si>
  <si>
    <t xml:space="preserve">                &lt;/TermsOfDelivery&gt;</t>
  </si>
  <si>
    <t xml:space="preserve">                &lt;Extrinsic name="invoiceNumber"&gt;1119-20/330&lt;/Extrinsic&gt;</t>
  </si>
  <si>
    <t xml:space="preserve">                &lt;CarrierIdentifier domain="companyName"&gt;Professional couriers&lt;/CarrierIdentifier&gt;</t>
  </si>
  <si>
    <t xml:space="preserve">                &lt;ShipmentIdentifier domain="trackingNumber"&gt;PRO9541017&lt;/ShipmentIdentifier&gt;</t>
  </si>
  <si>
    <t xml:space="preserve">                    &lt;Route method="air"&gt;&lt;/Route&gt;</t>
  </si>
  <si>
    <t xml:space="preserve">                        &lt;Description xml:lang="en-IN"&gt;&lt;/Description&gt;</t>
  </si>
  <si>
    <t xml:space="preserve">                &lt;OrderReference orderDate="2019-11-12T05:07:08-08:00" orderID="0000000876"&gt;</t>
  </si>
  <si>
    <t xml:space="preserve">                    &lt;DocumentReference payloadID="1573564034706.26049414.000000523@SdrjxZwB33Yt9h+CXKRyaFvBs3M="&gt;&lt;/DocumentReference&gt;</t>
  </si>
  <si>
    <t xml:space="preserve">                        &lt;SupplierPartID&gt;Not Available&lt;/SupplierPartID&gt;</t>
  </si>
  <si>
    <t xml:space="preserve">                            &lt;Money currency="INR"&gt;29531.5&lt;/Money&gt;</t>
  </si>
  <si>
    <t xml:space="preserve">                        &lt;Description xml:lang="en-IN"&gt;Printer-Brother QL-820NWB</t>
  </si>
  <si>
    <t>Desktop Label Printer</t>
  </si>
  <si>
    <t>Print Resolution -300 x 600 dpi</t>
  </si>
  <si>
    <t>Print Speed (Label) -110 Labels per Minute</t>
  </si>
  <si>
    <t>Connect via wireless, Ethernet &amp;amp; Bluetooth® wireless</t>
  </si>
  <si>
    <t>technology</t>
  </si>
  <si>
    <t>Number of Copies 9999&lt;/Description&gt;</t>
  </si>
  <si>
    <t xml:space="preserve">                    &lt;Extrinsic name="ext_ScheduleLineNo"&gt;&lt;/Extrinsic&gt;</t>
  </si>
  <si>
    <t>&lt;cXML payloadID="1573753047306-443214383842904761@10.162.97.166" timestamp="2019-11-14T09:37:27-08:00" version="1.2.044" xml:lang="en-US"&gt;</t>
  </si>
  <si>
    <t xml:space="preserve">                &lt;Identity&gt;AN01015191366&lt;/Identity&gt;</t>
  </si>
  <si>
    <t xml:space="preserve">                &lt;Identity&gt;1000001075&lt;/Identity&gt;</t>
  </si>
  <si>
    <t xml:space="preserve">                    &lt;IdReference domain="SiteID" identifier="1000001075-AR-USA-01-1"/&gt;</t>
  </si>
  <si>
    <t xml:space="preserve">                    &lt;IdReference domain="SiteAuxID" identifier="1"/&gt;</t>
  </si>
  <si>
    <t xml:space="preserve">                &lt;Identity&gt;share:1000001075___1000001075-AR-USA-01-1___1&lt;/Identity&gt;</t>
  </si>
  <si>
    <t xml:space="preserve">            &lt;ConfirmationHeader noticeDate="2019-11-14T09:37:27-08:00" </t>
  </si>
  <si>
    <t xml:space="preserve">                                type="accept" </t>
  </si>
  <si>
    <t xml:space="preserve">                                operation="new" </t>
  </si>
  <si>
    <t xml:space="preserve">                                confirmID="37495"&gt;</t>
  </si>
  <si>
    <t xml:space="preserve">                    &lt;Money currency="USD"&gt;1164.14&lt;/Money&gt;</t>
  </si>
  <si>
    <t xml:space="preserve">                &lt;Comments xml:lang="en-US"&gt;Deposit of $7,637.48 required</t>
  </si>
  <si>
    <t xml:space="preserve">                    &lt;/Comments&gt;</t>
  </si>
  <si>
    <t xml:space="preserve">                &lt;IdReference identifier="37495" domain="supplierReference"&gt;&lt;/IdReference&gt;</t>
  </si>
  <si>
    <t xml:space="preserve">            &lt;/ConfirmationHeader&gt;</t>
  </si>
  <si>
    <t xml:space="preserve">            &lt;OrderReference orderDate="2019-11-14T06:44:05-08:00" orderID="0000002468"&gt;</t>
  </si>
  <si>
    <t xml:space="preserve">                &lt;DocumentReference payloadID="1573742659400.85974759.000001003@7jeVw5GHCgJPvMctyDp3HpHHYe8="&gt;&lt;/DocumentReference&gt;</t>
  </si>
  <si>
    <t>Sutherland Specific Order Confirmation</t>
  </si>
  <si>
    <t>The transaction below represents a Sutherland Order Confirmation sample with specific and unique requirements for this implementation.  
Please note: all data contained within this transaction is dummy data and does not neccesarily apply to individual suppliers.</t>
  </si>
  <si>
    <t>Sutherland Specific PO</t>
  </si>
  <si>
    <t>The transaction below represents a Sutherland PO sample with specific and unique requirements for the Sutherland implementation.
Please note: all data contained within this transaction is dummy data and does not neccesarily apply to individual suppliers.</t>
  </si>
  <si>
    <t>Sutherland Specific Invoice</t>
  </si>
  <si>
    <t xml:space="preserve">The transaction below represents a Sutherland invoice sample with specific and unique requirements for this implementation.
Please note: all data contained within this transaction is dummy data and does not neccesarily apply to individual suppliers. 
Additional scoping is required during the planning phases of the integration project.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-F400]h:mm:ss\ AM/PM"/>
  </numFmts>
  <fonts count="12" x14ac:knownFonts="1"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sz val="10"/>
      <color rgb="FF000000"/>
      <name val="Arial"/>
      <family val="2"/>
    </font>
    <font>
      <sz val="10"/>
      <color rgb="FFFF0000"/>
      <name val="Arial"/>
      <family val="2"/>
    </font>
    <font>
      <sz val="14"/>
      <color rgb="FF000000"/>
      <name val="Arial"/>
      <family val="2"/>
    </font>
    <font>
      <sz val="11"/>
      <color theme="1"/>
      <name val="Arial"/>
      <family val="2"/>
    </font>
    <font>
      <b/>
      <sz val="10"/>
      <color rgb="FFFF0000"/>
      <name val="Arial"/>
      <family val="2"/>
    </font>
    <font>
      <sz val="11"/>
      <color rgb="FFFF0000"/>
      <name val="Arial"/>
      <family val="2"/>
    </font>
    <font>
      <sz val="11"/>
      <color rgb="FFFF0000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11"/>
      <name val="Arial"/>
      <family val="2"/>
    </font>
    <font>
      <sz val="10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B8CCE4"/>
        <bgColor indexed="64"/>
      </patternFill>
    </fill>
    <fill>
      <patternFill patternType="solid">
        <fgColor theme="8" tint="0.79998168889431442"/>
        <bgColor indexed="64"/>
      </patternFill>
    </fill>
  </fills>
  <borders count="18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80">
    <xf numFmtId="0" fontId="0" fillId="0" borderId="0" xfId="0"/>
    <xf numFmtId="0" fontId="4" fillId="3" borderId="11" xfId="0" applyFont="1" applyFill="1" applyBorder="1" applyAlignment="1">
      <alignment horizontal="center" vertical="center" wrapText="1"/>
    </xf>
    <xf numFmtId="0" fontId="4" fillId="3" borderId="1" xfId="0" applyFont="1" applyFill="1" applyBorder="1" applyAlignment="1">
      <alignment horizontal="center" vertical="center" wrapText="1"/>
    </xf>
    <xf numFmtId="0" fontId="1" fillId="0" borderId="0" xfId="0" applyFont="1" applyAlignment="1">
      <alignment wrapText="1"/>
    </xf>
    <xf numFmtId="0" fontId="1" fillId="2" borderId="0" xfId="0" applyFont="1" applyFill="1"/>
    <xf numFmtId="0" fontId="4" fillId="3" borderId="13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left" vertical="top" wrapText="1"/>
    </xf>
    <xf numFmtId="0" fontId="0" fillId="0" borderId="0" xfId="0" applyAlignment="1">
      <alignment wrapText="1"/>
    </xf>
    <xf numFmtId="0" fontId="1" fillId="0" borderId="0" xfId="0" applyFont="1" applyBorder="1"/>
    <xf numFmtId="0" fontId="1" fillId="0" borderId="8" xfId="0" applyFont="1" applyBorder="1"/>
    <xf numFmtId="0" fontId="0" fillId="0" borderId="0" xfId="0" applyAlignment="1">
      <alignment vertical="top"/>
    </xf>
    <xf numFmtId="0" fontId="0" fillId="0" borderId="0" xfId="0"/>
    <xf numFmtId="0" fontId="1" fillId="0" borderId="0" xfId="0" applyFont="1"/>
    <xf numFmtId="0" fontId="0" fillId="0" borderId="0" xfId="0" applyBorder="1"/>
    <xf numFmtId="0" fontId="3" fillId="0" borderId="8" xfId="0" applyFont="1" applyBorder="1" applyAlignment="1">
      <alignment wrapText="1"/>
    </xf>
    <xf numFmtId="0" fontId="3" fillId="0" borderId="6" xfId="0" applyFont="1" applyBorder="1" applyAlignment="1">
      <alignment wrapText="1"/>
    </xf>
    <xf numFmtId="0" fontId="5" fillId="0" borderId="0" xfId="0" applyFont="1" applyAlignment="1">
      <alignment wrapText="1"/>
    </xf>
    <xf numFmtId="0" fontId="1" fillId="0" borderId="6" xfId="0" applyFont="1" applyBorder="1" applyAlignment="1">
      <alignment wrapText="1"/>
    </xf>
    <xf numFmtId="0" fontId="1" fillId="0" borderId="4" xfId="0" applyFont="1" applyBorder="1" applyAlignment="1">
      <alignment wrapText="1"/>
    </xf>
    <xf numFmtId="0" fontId="0" fillId="0" borderId="6" xfId="0" applyFont="1" applyBorder="1" applyAlignment="1">
      <alignment wrapText="1"/>
    </xf>
    <xf numFmtId="0" fontId="0" fillId="0" borderId="0" xfId="0" applyBorder="1" applyAlignment="1">
      <alignment wrapText="1"/>
    </xf>
    <xf numFmtId="0" fontId="3" fillId="0" borderId="0" xfId="0" applyFont="1" applyBorder="1" applyAlignment="1">
      <alignment wrapText="1"/>
    </xf>
    <xf numFmtId="0" fontId="1" fillId="0" borderId="0" xfId="0" applyFont="1" applyBorder="1" applyAlignment="1">
      <alignment wrapText="1"/>
    </xf>
    <xf numFmtId="0" fontId="3" fillId="0" borderId="0" xfId="0" applyFont="1" applyFill="1" applyBorder="1" applyAlignment="1">
      <alignment wrapText="1"/>
    </xf>
    <xf numFmtId="0" fontId="0" fillId="2" borderId="0" xfId="0" applyFill="1" applyBorder="1"/>
    <xf numFmtId="0" fontId="5" fillId="0" borderId="0" xfId="0" applyFont="1" applyBorder="1" applyAlignment="1">
      <alignment wrapText="1"/>
    </xf>
    <xf numFmtId="0" fontId="6" fillId="0" borderId="0" xfId="0" applyFont="1" applyBorder="1" applyAlignment="1">
      <alignment horizontal="center" wrapText="1"/>
    </xf>
    <xf numFmtId="0" fontId="7" fillId="0" borderId="0" xfId="0" applyFont="1" applyBorder="1" applyAlignment="1">
      <alignment wrapText="1"/>
    </xf>
    <xf numFmtId="0" fontId="7" fillId="0" borderId="0" xfId="0" applyFont="1" applyBorder="1" applyAlignment="1">
      <alignment vertical="center" wrapText="1"/>
    </xf>
    <xf numFmtId="0" fontId="3" fillId="0" borderId="0" xfId="0" applyFont="1" applyBorder="1" applyAlignment="1">
      <alignment vertical="top" wrapText="1"/>
    </xf>
    <xf numFmtId="0" fontId="10" fillId="0" borderId="0" xfId="0" applyFont="1" applyBorder="1" applyAlignment="1">
      <alignment wrapText="1"/>
    </xf>
    <xf numFmtId="0" fontId="6" fillId="0" borderId="0" xfId="0" applyFont="1" applyBorder="1" applyAlignment="1">
      <alignment horizontal="center" vertical="center" wrapText="1"/>
    </xf>
    <xf numFmtId="0" fontId="2" fillId="2" borderId="14" xfId="0" applyFont="1" applyFill="1" applyBorder="1" applyAlignment="1">
      <alignment horizontal="left" vertical="top" wrapText="1"/>
    </xf>
    <xf numFmtId="0" fontId="0" fillId="0" borderId="5" xfId="0" applyBorder="1" applyAlignment="1">
      <alignment wrapText="1"/>
    </xf>
    <xf numFmtId="0" fontId="0" fillId="4" borderId="3" xfId="0" applyFill="1" applyBorder="1"/>
    <xf numFmtId="0" fontId="0" fillId="4" borderId="5" xfId="0" applyFill="1" applyBorder="1"/>
    <xf numFmtId="0" fontId="0" fillId="4" borderId="5" xfId="0" applyFill="1" applyBorder="1" applyAlignment="1">
      <alignment wrapText="1"/>
    </xf>
    <xf numFmtId="0" fontId="0" fillId="4" borderId="7" xfId="0" applyFill="1" applyBorder="1"/>
    <xf numFmtId="0" fontId="6" fillId="0" borderId="6" xfId="0" applyFont="1" applyBorder="1" applyAlignment="1">
      <alignment horizontal="center" wrapText="1"/>
    </xf>
    <xf numFmtId="0" fontId="0" fillId="0" borderId="6" xfId="0" applyBorder="1"/>
    <xf numFmtId="0" fontId="0" fillId="0" borderId="6" xfId="0" applyBorder="1" applyAlignment="1">
      <alignment wrapText="1"/>
    </xf>
    <xf numFmtId="0" fontId="1" fillId="0" borderId="4" xfId="0" applyFont="1" applyBorder="1"/>
    <xf numFmtId="0" fontId="1" fillId="0" borderId="6" xfId="0" applyFont="1" applyBorder="1"/>
    <xf numFmtId="0" fontId="0" fillId="4" borderId="3" xfId="0" applyFont="1" applyFill="1" applyBorder="1"/>
    <xf numFmtId="0" fontId="0" fillId="4" borderId="5" xfId="0" applyFont="1" applyFill="1" applyBorder="1"/>
    <xf numFmtId="0" fontId="0" fillId="4" borderId="7" xfId="0" applyFont="1" applyFill="1" applyBorder="1"/>
    <xf numFmtId="0" fontId="3" fillId="0" borderId="6" xfId="0" applyFont="1" applyBorder="1" applyAlignment="1">
      <alignment horizontal="center"/>
    </xf>
    <xf numFmtId="0" fontId="0" fillId="0" borderId="4" xfId="0" applyFont="1" applyBorder="1"/>
    <xf numFmtId="0" fontId="0" fillId="0" borderId="6" xfId="0" applyFont="1" applyBorder="1"/>
    <xf numFmtId="0" fontId="2" fillId="3" borderId="13" xfId="0" applyFont="1" applyFill="1" applyBorder="1" applyAlignment="1">
      <alignment horizontal="center" vertical="center" wrapText="1"/>
    </xf>
    <xf numFmtId="0" fontId="0" fillId="0" borderId="9" xfId="0" applyFont="1" applyFill="1" applyBorder="1"/>
    <xf numFmtId="0" fontId="0" fillId="0" borderId="10" xfId="0" applyFont="1" applyFill="1" applyBorder="1"/>
    <xf numFmtId="0" fontId="0" fillId="0" borderId="12" xfId="0" applyFont="1" applyBorder="1"/>
    <xf numFmtId="0" fontId="0" fillId="0" borderId="3" xfId="0" applyBorder="1" applyAlignment="1">
      <alignment wrapText="1"/>
    </xf>
    <xf numFmtId="0" fontId="9" fillId="0" borderId="0" xfId="0" applyFont="1" applyBorder="1" applyAlignment="1">
      <alignment horizontal="center" wrapText="1"/>
    </xf>
    <xf numFmtId="0" fontId="8" fillId="0" borderId="0" xfId="0" applyFont="1" applyBorder="1" applyAlignment="1">
      <alignment wrapText="1"/>
    </xf>
    <xf numFmtId="0" fontId="9" fillId="0" borderId="0" xfId="0" applyFont="1" applyBorder="1" applyAlignment="1">
      <alignment wrapText="1"/>
    </xf>
    <xf numFmtId="0" fontId="11" fillId="0" borderId="15" xfId="0" applyFont="1" applyBorder="1" applyAlignment="1">
      <alignment wrapText="1"/>
    </xf>
    <xf numFmtId="0" fontId="0" fillId="0" borderId="16" xfId="0" applyBorder="1"/>
    <xf numFmtId="0" fontId="0" fillId="0" borderId="10" xfId="0" applyFont="1" applyFill="1" applyBorder="1" applyAlignment="1">
      <alignment wrapText="1"/>
    </xf>
    <xf numFmtId="0" fontId="6" fillId="0" borderId="8" xfId="0" applyFont="1" applyBorder="1" applyAlignment="1">
      <alignment horizontal="center" wrapText="1"/>
    </xf>
    <xf numFmtId="0" fontId="0" fillId="0" borderId="9" xfId="0" applyBorder="1"/>
    <xf numFmtId="0" fontId="0" fillId="0" borderId="10" xfId="0" applyBorder="1"/>
    <xf numFmtId="0" fontId="11" fillId="0" borderId="10" xfId="0" applyFont="1" applyBorder="1" applyAlignment="1">
      <alignment wrapText="1"/>
    </xf>
    <xf numFmtId="0" fontId="5" fillId="0" borderId="10" xfId="0" applyFont="1" applyBorder="1" applyAlignment="1">
      <alignment wrapText="1"/>
    </xf>
    <xf numFmtId="164" fontId="5" fillId="0" borderId="10" xfId="0" applyNumberFormat="1" applyFont="1" applyBorder="1" applyAlignment="1">
      <alignment wrapText="1"/>
    </xf>
    <xf numFmtId="0" fontId="5" fillId="0" borderId="17" xfId="0" applyFont="1" applyBorder="1" applyAlignment="1">
      <alignment wrapText="1"/>
    </xf>
    <xf numFmtId="0" fontId="3" fillId="0" borderId="6" xfId="0" applyFont="1" applyBorder="1" applyAlignment="1">
      <alignment horizontal="center" vertical="center"/>
    </xf>
    <xf numFmtId="0" fontId="6" fillId="0" borderId="6" xfId="0" applyFont="1" applyBorder="1" applyAlignment="1">
      <alignment horizontal="center"/>
    </xf>
    <xf numFmtId="0" fontId="0" fillId="0" borderId="9" xfId="0" applyFont="1" applyBorder="1"/>
    <xf numFmtId="0" fontId="0" fillId="0" borderId="10" xfId="0" applyFont="1" applyBorder="1"/>
    <xf numFmtId="0" fontId="3" fillId="0" borderId="0" xfId="0" applyFont="1" applyBorder="1" applyAlignment="1">
      <alignment horizontal="center"/>
    </xf>
    <xf numFmtId="0" fontId="0" fillId="0" borderId="10" xfId="0" applyFont="1" applyBorder="1" applyAlignment="1">
      <alignment wrapText="1"/>
    </xf>
    <xf numFmtId="0" fontId="1" fillId="0" borderId="10" xfId="0" applyFont="1" applyBorder="1"/>
    <xf numFmtId="0" fontId="1" fillId="0" borderId="17" xfId="0" applyFont="1" applyBorder="1"/>
    <xf numFmtId="0" fontId="8" fillId="0" borderId="0" xfId="0" applyFont="1" applyFill="1" applyBorder="1" applyAlignment="1">
      <alignment wrapText="1"/>
    </xf>
    <xf numFmtId="0" fontId="9" fillId="0" borderId="0" xfId="0" applyFont="1" applyFill="1" applyBorder="1" applyAlignment="1">
      <alignment horizontal="center" wrapText="1"/>
    </xf>
    <xf numFmtId="0" fontId="0" fillId="0" borderId="10" xfId="0" applyBorder="1" applyAlignment="1">
      <alignment wrapText="1"/>
    </xf>
    <xf numFmtId="0" fontId="0" fillId="0" borderId="17" xfId="0" applyBorder="1" applyAlignment="1">
      <alignment wrapText="1"/>
    </xf>
    <xf numFmtId="0" fontId="8" fillId="0" borderId="0" xfId="0" applyFont="1" applyFill="1" applyBorder="1" applyAlignment="1">
      <alignment horizontal="center" wrapText="1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10" Type="http://schemas.openxmlformats.org/officeDocument/2006/relationships/customXml" Target="../customXml/item3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2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A482"/>
  <sheetViews>
    <sheetView tabSelected="1" zoomScale="90" zoomScaleNormal="90" workbookViewId="0">
      <selection activeCell="A4" sqref="A4:A26"/>
    </sheetView>
  </sheetViews>
  <sheetFormatPr defaultRowHeight="15" x14ac:dyDescent="0.25"/>
  <cols>
    <col min="1" max="1" width="96.42578125" style="7" customWidth="1"/>
    <col min="2" max="2" width="65.85546875" style="7" customWidth="1"/>
  </cols>
  <sheetData>
    <row r="1" spans="1:27" ht="18.75" thickBot="1" x14ac:dyDescent="0.3">
      <c r="A1" s="1" t="s">
        <v>376</v>
      </c>
      <c r="B1" s="1" t="s">
        <v>14</v>
      </c>
      <c r="C1" s="13"/>
      <c r="D1" s="13"/>
      <c r="E1" s="13"/>
      <c r="F1" s="13"/>
      <c r="G1" s="13"/>
      <c r="H1" s="13"/>
      <c r="I1" s="13"/>
      <c r="J1" s="13"/>
      <c r="K1" s="13"/>
      <c r="L1" s="13"/>
      <c r="M1" s="13"/>
      <c r="N1" s="13"/>
      <c r="O1" s="13"/>
      <c r="P1" s="13"/>
      <c r="Q1" s="13"/>
      <c r="R1" s="13"/>
      <c r="S1" s="13"/>
      <c r="T1" s="13"/>
      <c r="U1" s="13"/>
      <c r="V1" s="13"/>
      <c r="W1" s="13"/>
      <c r="X1" s="13"/>
      <c r="Y1" s="13"/>
      <c r="Z1" s="13"/>
      <c r="AA1" s="13"/>
    </row>
    <row r="2" spans="1:27" s="4" customFormat="1" ht="65.25" thickBot="1" x14ac:dyDescent="0.3">
      <c r="A2" s="57" t="s">
        <v>377</v>
      </c>
      <c r="B2" s="32" t="s">
        <v>19</v>
      </c>
      <c r="C2" s="13"/>
      <c r="D2" s="13"/>
      <c r="E2" s="13"/>
      <c r="F2" s="13"/>
      <c r="G2" s="13"/>
      <c r="H2" s="13"/>
      <c r="I2" s="13"/>
      <c r="J2" s="13"/>
      <c r="K2" s="13"/>
      <c r="L2" s="13"/>
      <c r="M2" s="13"/>
      <c r="N2" s="13"/>
      <c r="O2" s="13"/>
      <c r="P2" s="13"/>
      <c r="Q2" s="13"/>
      <c r="R2" s="13"/>
      <c r="S2" s="13"/>
      <c r="T2" s="13"/>
      <c r="U2" s="13"/>
      <c r="V2" s="13"/>
      <c r="W2" s="13"/>
      <c r="X2" s="13"/>
      <c r="Y2" s="13"/>
      <c r="Z2" s="13"/>
      <c r="AA2" s="13"/>
    </row>
    <row r="3" spans="1:27" s="13" customFormat="1" ht="15.75" thickTop="1" x14ac:dyDescent="0.25">
      <c r="A3" s="58"/>
      <c r="B3" s="20"/>
    </row>
    <row r="4" spans="1:27" s="13" customFormat="1" x14ac:dyDescent="0.25">
      <c r="A4" s="39" t="s">
        <v>0</v>
      </c>
      <c r="B4" s="21"/>
    </row>
    <row r="5" spans="1:27" s="13" customFormat="1" x14ac:dyDescent="0.25">
      <c r="A5" s="39" t="s">
        <v>21</v>
      </c>
      <c r="B5" s="21"/>
    </row>
    <row r="6" spans="1:27" s="13" customFormat="1" x14ac:dyDescent="0.25">
      <c r="A6" s="40" t="s">
        <v>255</v>
      </c>
      <c r="B6" s="22"/>
    </row>
    <row r="7" spans="1:27" s="13" customFormat="1" x14ac:dyDescent="0.25">
      <c r="A7" s="39" t="s">
        <v>1</v>
      </c>
      <c r="B7" s="21"/>
    </row>
    <row r="8" spans="1:27" s="13" customFormat="1" x14ac:dyDescent="0.25">
      <c r="A8" s="39" t="s">
        <v>2</v>
      </c>
      <c r="B8" s="20"/>
    </row>
    <row r="9" spans="1:27" s="13" customFormat="1" x14ac:dyDescent="0.25">
      <c r="A9" s="39" t="s">
        <v>22</v>
      </c>
      <c r="B9" s="21"/>
    </row>
    <row r="10" spans="1:27" s="13" customFormat="1" x14ac:dyDescent="0.25">
      <c r="A10" s="39" t="s">
        <v>152</v>
      </c>
      <c r="B10" s="22"/>
    </row>
    <row r="11" spans="1:27" s="13" customFormat="1" x14ac:dyDescent="0.25">
      <c r="A11" s="39" t="s">
        <v>3</v>
      </c>
      <c r="B11" s="22"/>
    </row>
    <row r="12" spans="1:27" s="13" customFormat="1" x14ac:dyDescent="0.25">
      <c r="A12" s="39" t="s">
        <v>23</v>
      </c>
      <c r="B12" s="22"/>
    </row>
    <row r="13" spans="1:27" s="13" customFormat="1" x14ac:dyDescent="0.25">
      <c r="A13" s="39" t="s">
        <v>151</v>
      </c>
      <c r="B13" s="23"/>
    </row>
    <row r="14" spans="1:27" s="13" customFormat="1" x14ac:dyDescent="0.25">
      <c r="A14" s="39" t="s">
        <v>3</v>
      </c>
      <c r="B14" s="22"/>
    </row>
    <row r="15" spans="1:27" s="13" customFormat="1" x14ac:dyDescent="0.25">
      <c r="A15" s="39" t="s">
        <v>4</v>
      </c>
      <c r="B15" s="22"/>
    </row>
    <row r="16" spans="1:27" s="13" customFormat="1" x14ac:dyDescent="0.25">
      <c r="A16" s="39" t="s">
        <v>5</v>
      </c>
      <c r="B16" s="22"/>
    </row>
    <row r="17" spans="1:2" s="13" customFormat="1" x14ac:dyDescent="0.25">
      <c r="A17" s="39" t="s">
        <v>22</v>
      </c>
      <c r="B17" s="22"/>
    </row>
    <row r="18" spans="1:2" s="13" customFormat="1" x14ac:dyDescent="0.25">
      <c r="A18" s="39" t="s">
        <v>144</v>
      </c>
      <c r="B18" s="22"/>
    </row>
    <row r="19" spans="1:2" s="13" customFormat="1" x14ac:dyDescent="0.25">
      <c r="A19" s="39" t="s">
        <v>3</v>
      </c>
      <c r="B19" s="22"/>
    </row>
    <row r="20" spans="1:2" s="13" customFormat="1" x14ac:dyDescent="0.25">
      <c r="A20" s="39" t="s">
        <v>24</v>
      </c>
      <c r="B20" s="22"/>
    </row>
    <row r="21" spans="1:2" s="13" customFormat="1" x14ac:dyDescent="0.25">
      <c r="A21" s="39" t="s">
        <v>145</v>
      </c>
      <c r="B21" s="22"/>
    </row>
    <row r="22" spans="1:2" s="13" customFormat="1" x14ac:dyDescent="0.25">
      <c r="A22" s="39" t="s">
        <v>3</v>
      </c>
      <c r="B22" s="22"/>
    </row>
    <row r="23" spans="1:2" s="13" customFormat="1" x14ac:dyDescent="0.25">
      <c r="A23" s="39" t="s">
        <v>25</v>
      </c>
      <c r="B23" s="22"/>
    </row>
    <row r="24" spans="1:2" s="13" customFormat="1" x14ac:dyDescent="0.25">
      <c r="A24" s="39" t="s">
        <v>150</v>
      </c>
      <c r="B24" s="21"/>
    </row>
    <row r="25" spans="1:2" s="13" customFormat="1" x14ac:dyDescent="0.25">
      <c r="A25" s="39" t="s">
        <v>3</v>
      </c>
      <c r="B25" s="22"/>
    </row>
    <row r="26" spans="1:2" s="13" customFormat="1" x14ac:dyDescent="0.25">
      <c r="A26" s="39" t="s">
        <v>26</v>
      </c>
      <c r="B26" s="22"/>
    </row>
    <row r="27" spans="1:2" s="13" customFormat="1" x14ac:dyDescent="0.25">
      <c r="A27" s="39" t="s">
        <v>150</v>
      </c>
      <c r="B27" s="21"/>
    </row>
    <row r="28" spans="1:2" s="13" customFormat="1" x14ac:dyDescent="0.25">
      <c r="A28" s="39" t="s">
        <v>3</v>
      </c>
      <c r="B28" s="22"/>
    </row>
    <row r="29" spans="1:2" s="13" customFormat="1" x14ac:dyDescent="0.25">
      <c r="A29" s="39" t="s">
        <v>146</v>
      </c>
      <c r="B29" s="22"/>
    </row>
    <row r="30" spans="1:2" s="13" customFormat="1" x14ac:dyDescent="0.25">
      <c r="A30" s="39" t="s">
        <v>147</v>
      </c>
      <c r="B30" s="21"/>
    </row>
    <row r="31" spans="1:2" s="13" customFormat="1" x14ac:dyDescent="0.25">
      <c r="A31" s="39" t="s">
        <v>3</v>
      </c>
      <c r="B31" s="22"/>
    </row>
    <row r="32" spans="1:2" s="13" customFormat="1" x14ac:dyDescent="0.25">
      <c r="A32" s="39" t="s">
        <v>148</v>
      </c>
      <c r="B32" s="22"/>
    </row>
    <row r="33" spans="1:2" s="13" customFormat="1" x14ac:dyDescent="0.25">
      <c r="A33" s="39" t="s">
        <v>149</v>
      </c>
      <c r="B33" s="22"/>
    </row>
    <row r="34" spans="1:2" s="13" customFormat="1" x14ac:dyDescent="0.25">
      <c r="A34" s="39" t="s">
        <v>3</v>
      </c>
      <c r="B34" s="22"/>
    </row>
    <row r="35" spans="1:2" s="13" customFormat="1" x14ac:dyDescent="0.25">
      <c r="A35" s="39" t="s">
        <v>6</v>
      </c>
      <c r="B35" s="22"/>
    </row>
    <row r="36" spans="1:2" s="13" customFormat="1" x14ac:dyDescent="0.25">
      <c r="A36" s="39" t="s">
        <v>7</v>
      </c>
      <c r="B36" s="22"/>
    </row>
    <row r="37" spans="1:2" s="13" customFormat="1" x14ac:dyDescent="0.25">
      <c r="A37" s="39" t="s">
        <v>31</v>
      </c>
      <c r="B37" s="22"/>
    </row>
    <row r="38" spans="1:2" s="13" customFormat="1" x14ac:dyDescent="0.25">
      <c r="A38" s="39" t="s">
        <v>32</v>
      </c>
      <c r="B38" s="22"/>
    </row>
    <row r="39" spans="1:2" s="13" customFormat="1" x14ac:dyDescent="0.25">
      <c r="A39" s="39" t="s">
        <v>3</v>
      </c>
      <c r="B39" s="21"/>
    </row>
    <row r="40" spans="1:2" s="13" customFormat="1" x14ac:dyDescent="0.25">
      <c r="A40" s="39" t="s">
        <v>33</v>
      </c>
      <c r="B40" s="21"/>
    </row>
    <row r="41" spans="1:2" s="13" customFormat="1" x14ac:dyDescent="0.25">
      <c r="A41" s="39" t="s">
        <v>9</v>
      </c>
      <c r="B41" s="21"/>
    </row>
    <row r="42" spans="1:2" s="13" customFormat="1" x14ac:dyDescent="0.25">
      <c r="A42" s="39" t="s">
        <v>10</v>
      </c>
      <c r="B42" s="21"/>
    </row>
    <row r="43" spans="1:2" s="13" customFormat="1" x14ac:dyDescent="0.25">
      <c r="A43" s="39" t="s">
        <v>153</v>
      </c>
      <c r="B43" s="21"/>
    </row>
    <row r="44" spans="1:2" s="13" customFormat="1" x14ac:dyDescent="0.25">
      <c r="A44" s="39" t="s">
        <v>34</v>
      </c>
      <c r="B44" s="21"/>
    </row>
    <row r="45" spans="1:2" s="13" customFormat="1" x14ac:dyDescent="0.25">
      <c r="A45" s="39" t="s">
        <v>306</v>
      </c>
      <c r="B45" s="21"/>
    </row>
    <row r="46" spans="1:2" s="13" customFormat="1" x14ac:dyDescent="0.25">
      <c r="A46" s="39" t="s">
        <v>304</v>
      </c>
      <c r="B46" s="21"/>
    </row>
    <row r="47" spans="1:2" s="13" customFormat="1" x14ac:dyDescent="0.25">
      <c r="A47" s="39" t="s">
        <v>305</v>
      </c>
      <c r="B47" s="21"/>
    </row>
    <row r="48" spans="1:2" s="13" customFormat="1" x14ac:dyDescent="0.25">
      <c r="A48" s="39" t="s">
        <v>307</v>
      </c>
      <c r="B48" s="21"/>
    </row>
    <row r="49" spans="1:2" s="13" customFormat="1" x14ac:dyDescent="0.25">
      <c r="A49" s="39" t="s">
        <v>35</v>
      </c>
      <c r="B49" s="21"/>
    </row>
    <row r="50" spans="1:2" s="13" customFormat="1" x14ac:dyDescent="0.25">
      <c r="A50" s="39" t="s">
        <v>256</v>
      </c>
      <c r="B50" s="22"/>
    </row>
    <row r="51" spans="1:2" s="13" customFormat="1" x14ac:dyDescent="0.25">
      <c r="A51" s="39" t="s">
        <v>36</v>
      </c>
      <c r="B51" s="22"/>
    </row>
    <row r="52" spans="1:2" s="13" customFormat="1" x14ac:dyDescent="0.25">
      <c r="A52" s="34" t="s">
        <v>37</v>
      </c>
      <c r="B52" s="18"/>
    </row>
    <row r="53" spans="1:2" s="13" customFormat="1" x14ac:dyDescent="0.25">
      <c r="A53" s="35" t="s">
        <v>257</v>
      </c>
      <c r="B53" s="38" t="s">
        <v>55</v>
      </c>
    </row>
    <row r="54" spans="1:2" s="13" customFormat="1" x14ac:dyDescent="0.25">
      <c r="A54" s="36" t="s">
        <v>159</v>
      </c>
      <c r="B54" s="17"/>
    </row>
    <row r="55" spans="1:2" s="13" customFormat="1" x14ac:dyDescent="0.25">
      <c r="A55" s="35" t="s">
        <v>38</v>
      </c>
      <c r="B55" s="17"/>
    </row>
    <row r="56" spans="1:2" s="13" customFormat="1" x14ac:dyDescent="0.25">
      <c r="A56" s="35" t="s">
        <v>258</v>
      </c>
      <c r="B56" s="17"/>
    </row>
    <row r="57" spans="1:2" s="13" customFormat="1" x14ac:dyDescent="0.25">
      <c r="A57" s="35" t="s">
        <v>259</v>
      </c>
      <c r="B57" s="17"/>
    </row>
    <row r="58" spans="1:2" s="13" customFormat="1" x14ac:dyDescent="0.25">
      <c r="A58" s="35" t="s">
        <v>160</v>
      </c>
      <c r="B58" s="17"/>
    </row>
    <row r="59" spans="1:2" s="13" customFormat="1" x14ac:dyDescent="0.25">
      <c r="A59" s="35" t="s">
        <v>161</v>
      </c>
      <c r="B59" s="38"/>
    </row>
    <row r="60" spans="1:2" s="13" customFormat="1" x14ac:dyDescent="0.25">
      <c r="A60" s="35" t="s">
        <v>162</v>
      </c>
      <c r="B60" s="17"/>
    </row>
    <row r="61" spans="1:2" s="13" customFormat="1" x14ac:dyDescent="0.25">
      <c r="A61" s="35" t="s">
        <v>260</v>
      </c>
      <c r="B61" s="17"/>
    </row>
    <row r="62" spans="1:2" s="13" customFormat="1" x14ac:dyDescent="0.25">
      <c r="A62" s="35" t="s">
        <v>164</v>
      </c>
      <c r="B62" s="17"/>
    </row>
    <row r="63" spans="1:2" s="13" customFormat="1" x14ac:dyDescent="0.25">
      <c r="A63" s="35" t="s">
        <v>58</v>
      </c>
      <c r="B63" s="17"/>
    </row>
    <row r="64" spans="1:2" s="13" customFormat="1" x14ac:dyDescent="0.25">
      <c r="A64" s="35" t="s">
        <v>39</v>
      </c>
      <c r="B64" s="17"/>
    </row>
    <row r="65" spans="1:2" s="13" customFormat="1" x14ac:dyDescent="0.25">
      <c r="A65" s="35" t="s">
        <v>261</v>
      </c>
      <c r="B65" s="17"/>
    </row>
    <row r="66" spans="1:2" s="13" customFormat="1" x14ac:dyDescent="0.25">
      <c r="A66" s="35" t="s">
        <v>165</v>
      </c>
      <c r="B66" s="17"/>
    </row>
    <row r="67" spans="1:2" s="13" customFormat="1" x14ac:dyDescent="0.25">
      <c r="A67" s="35" t="s">
        <v>166</v>
      </c>
      <c r="B67" s="17"/>
    </row>
    <row r="68" spans="1:2" s="13" customFormat="1" x14ac:dyDescent="0.25">
      <c r="A68" s="35" t="s">
        <v>167</v>
      </c>
      <c r="B68" s="17"/>
    </row>
    <row r="69" spans="1:2" s="13" customFormat="1" x14ac:dyDescent="0.25">
      <c r="A69" s="35" t="s">
        <v>168</v>
      </c>
      <c r="B69" s="17"/>
    </row>
    <row r="70" spans="1:2" s="13" customFormat="1" x14ac:dyDescent="0.25">
      <c r="A70" s="35" t="s">
        <v>169</v>
      </c>
      <c r="B70" s="17"/>
    </row>
    <row r="71" spans="1:2" s="13" customFormat="1" x14ac:dyDescent="0.25">
      <c r="A71" s="35" t="s">
        <v>170</v>
      </c>
      <c r="B71" s="17"/>
    </row>
    <row r="72" spans="1:2" s="24" customFormat="1" x14ac:dyDescent="0.25">
      <c r="A72" s="35" t="s">
        <v>171</v>
      </c>
      <c r="B72" s="17"/>
    </row>
    <row r="73" spans="1:2" s="13" customFormat="1" x14ac:dyDescent="0.25">
      <c r="A73" s="35" t="s">
        <v>40</v>
      </c>
      <c r="B73" s="17"/>
    </row>
    <row r="74" spans="1:2" s="13" customFormat="1" x14ac:dyDescent="0.25">
      <c r="A74" s="37" t="s">
        <v>41</v>
      </c>
      <c r="B74" s="60"/>
    </row>
    <row r="75" spans="1:2" s="13" customFormat="1" x14ac:dyDescent="0.25">
      <c r="A75" s="34" t="s">
        <v>42</v>
      </c>
      <c r="B75" s="18"/>
    </row>
    <row r="76" spans="1:2" s="13" customFormat="1" x14ac:dyDescent="0.25">
      <c r="A76" s="35" t="s">
        <v>257</v>
      </c>
      <c r="B76" s="38" t="s">
        <v>54</v>
      </c>
    </row>
    <row r="77" spans="1:2" s="13" customFormat="1" x14ac:dyDescent="0.25">
      <c r="A77" s="36" t="s">
        <v>159</v>
      </c>
      <c r="B77" s="15"/>
    </row>
    <row r="78" spans="1:2" s="13" customFormat="1" x14ac:dyDescent="0.25">
      <c r="A78" s="35" t="s">
        <v>38</v>
      </c>
      <c r="B78" s="17"/>
    </row>
    <row r="79" spans="1:2" s="13" customFormat="1" x14ac:dyDescent="0.25">
      <c r="A79" s="35" t="s">
        <v>160</v>
      </c>
      <c r="B79" s="15"/>
    </row>
    <row r="80" spans="1:2" s="13" customFormat="1" x14ac:dyDescent="0.25">
      <c r="A80" s="35" t="s">
        <v>161</v>
      </c>
      <c r="B80" s="17"/>
    </row>
    <row r="81" spans="1:2" s="13" customFormat="1" x14ac:dyDescent="0.25">
      <c r="A81" s="35" t="s">
        <v>162</v>
      </c>
      <c r="B81" s="15"/>
    </row>
    <row r="82" spans="1:2" s="13" customFormat="1" x14ac:dyDescent="0.25">
      <c r="A82" s="35" t="s">
        <v>260</v>
      </c>
      <c r="B82" s="17"/>
    </row>
    <row r="83" spans="1:2" s="13" customFormat="1" x14ac:dyDescent="0.25">
      <c r="A83" s="35" t="s">
        <v>164</v>
      </c>
      <c r="B83" s="17"/>
    </row>
    <row r="84" spans="1:2" s="13" customFormat="1" x14ac:dyDescent="0.25">
      <c r="A84" s="35" t="s">
        <v>58</v>
      </c>
      <c r="B84" s="15"/>
    </row>
    <row r="85" spans="1:2" s="13" customFormat="1" x14ac:dyDescent="0.25">
      <c r="A85" s="35" t="s">
        <v>39</v>
      </c>
      <c r="B85" s="38"/>
    </row>
    <row r="86" spans="1:2" s="13" customFormat="1" x14ac:dyDescent="0.25">
      <c r="A86" s="35" t="s">
        <v>165</v>
      </c>
      <c r="B86" s="38"/>
    </row>
    <row r="87" spans="1:2" s="13" customFormat="1" x14ac:dyDescent="0.25">
      <c r="A87" s="35" t="s">
        <v>166</v>
      </c>
      <c r="B87" s="15"/>
    </row>
    <row r="88" spans="1:2" s="13" customFormat="1" x14ac:dyDescent="0.25">
      <c r="A88" s="36" t="s">
        <v>167</v>
      </c>
      <c r="B88" s="15"/>
    </row>
    <row r="89" spans="1:2" s="13" customFormat="1" x14ac:dyDescent="0.25">
      <c r="A89" s="35" t="s">
        <v>168</v>
      </c>
      <c r="B89" s="15"/>
    </row>
    <row r="90" spans="1:2" s="13" customFormat="1" x14ac:dyDescent="0.25">
      <c r="A90" s="35" t="s">
        <v>169</v>
      </c>
      <c r="B90" s="15"/>
    </row>
    <row r="91" spans="1:2" s="13" customFormat="1" x14ac:dyDescent="0.25">
      <c r="A91" s="35" t="s">
        <v>170</v>
      </c>
      <c r="B91" s="17"/>
    </row>
    <row r="92" spans="1:2" s="13" customFormat="1" x14ac:dyDescent="0.25">
      <c r="A92" s="35" t="s">
        <v>171</v>
      </c>
      <c r="B92" s="17"/>
    </row>
    <row r="93" spans="1:2" s="13" customFormat="1" x14ac:dyDescent="0.25">
      <c r="A93" s="35" t="s">
        <v>40</v>
      </c>
      <c r="B93" s="15"/>
    </row>
    <row r="94" spans="1:2" s="13" customFormat="1" x14ac:dyDescent="0.25">
      <c r="A94" s="37" t="s">
        <v>43</v>
      </c>
      <c r="B94" s="14"/>
    </row>
    <row r="95" spans="1:2" s="13" customFormat="1" x14ac:dyDescent="0.25">
      <c r="A95" s="61" t="s">
        <v>262</v>
      </c>
      <c r="B95" s="21"/>
    </row>
    <row r="96" spans="1:2" s="13" customFormat="1" x14ac:dyDescent="0.25">
      <c r="A96" s="62" t="s">
        <v>263</v>
      </c>
      <c r="B96" s="22"/>
    </row>
    <row r="97" spans="1:2" s="13" customFormat="1" x14ac:dyDescent="0.25">
      <c r="A97" s="62" t="s">
        <v>28</v>
      </c>
      <c r="B97" s="26"/>
    </row>
    <row r="98" spans="1:2" s="13" customFormat="1" x14ac:dyDescent="0.25">
      <c r="A98" s="62" t="s">
        <v>264</v>
      </c>
      <c r="B98" s="21"/>
    </row>
    <row r="99" spans="1:2" s="13" customFormat="1" x14ac:dyDescent="0.25">
      <c r="A99" s="62" t="s">
        <v>265</v>
      </c>
      <c r="B99" s="21"/>
    </row>
    <row r="100" spans="1:2" s="13" customFormat="1" x14ac:dyDescent="0.25">
      <c r="A100" s="62" t="s">
        <v>266</v>
      </c>
      <c r="B100" s="22"/>
    </row>
    <row r="101" spans="1:2" s="13" customFormat="1" x14ac:dyDescent="0.25">
      <c r="A101" s="62" t="s">
        <v>267</v>
      </c>
      <c r="B101" s="21"/>
    </row>
    <row r="102" spans="1:2" s="13" customFormat="1" x14ac:dyDescent="0.25">
      <c r="A102" s="62" t="s">
        <v>56</v>
      </c>
      <c r="B102" s="21"/>
    </row>
    <row r="103" spans="1:2" s="13" customFormat="1" x14ac:dyDescent="0.25">
      <c r="A103" s="62" t="s">
        <v>29</v>
      </c>
      <c r="B103" s="21"/>
    </row>
    <row r="104" spans="1:2" s="13" customFormat="1" x14ac:dyDescent="0.25">
      <c r="A104" s="62" t="s">
        <v>268</v>
      </c>
      <c r="B104" s="21"/>
    </row>
    <row r="105" spans="1:2" s="13" customFormat="1" x14ac:dyDescent="0.25">
      <c r="A105" s="62" t="s">
        <v>269</v>
      </c>
      <c r="B105" s="21"/>
    </row>
    <row r="106" spans="1:2" s="13" customFormat="1" x14ac:dyDescent="0.25">
      <c r="A106" s="62" t="s">
        <v>270</v>
      </c>
      <c r="B106" s="21"/>
    </row>
    <row r="107" spans="1:2" s="13" customFormat="1" x14ac:dyDescent="0.25">
      <c r="A107" s="62" t="s">
        <v>271</v>
      </c>
      <c r="B107" s="21"/>
    </row>
    <row r="108" spans="1:2" s="13" customFormat="1" x14ac:dyDescent="0.25">
      <c r="A108" s="62" t="s">
        <v>272</v>
      </c>
      <c r="B108" s="21"/>
    </row>
    <row r="109" spans="1:2" s="13" customFormat="1" x14ac:dyDescent="0.25">
      <c r="A109" s="62" t="s">
        <v>273</v>
      </c>
      <c r="B109" s="21"/>
    </row>
    <row r="110" spans="1:2" s="13" customFormat="1" x14ac:dyDescent="0.25">
      <c r="A110" s="62" t="s">
        <v>274</v>
      </c>
      <c r="B110" s="22"/>
    </row>
    <row r="111" spans="1:2" s="13" customFormat="1" x14ac:dyDescent="0.25">
      <c r="A111" s="62" t="s">
        <v>275</v>
      </c>
      <c r="B111" s="22"/>
    </row>
    <row r="112" spans="1:2" s="13" customFormat="1" x14ac:dyDescent="0.25">
      <c r="A112" s="63" t="s">
        <v>30</v>
      </c>
      <c r="B112" s="22"/>
    </row>
    <row r="113" spans="1:2" s="13" customFormat="1" x14ac:dyDescent="0.25">
      <c r="A113" s="64" t="s">
        <v>276</v>
      </c>
      <c r="B113" s="22"/>
    </row>
    <row r="114" spans="1:2" s="13" customFormat="1" x14ac:dyDescent="0.25">
      <c r="A114" s="64" t="s">
        <v>189</v>
      </c>
      <c r="B114" s="26"/>
    </row>
    <row r="115" spans="1:2" s="13" customFormat="1" ht="29.25" x14ac:dyDescent="0.25">
      <c r="A115" s="64" t="s">
        <v>277</v>
      </c>
      <c r="B115" s="21"/>
    </row>
    <row r="116" spans="1:2" s="13" customFormat="1" x14ac:dyDescent="0.25">
      <c r="A116" s="64" t="s">
        <v>278</v>
      </c>
      <c r="B116" s="21"/>
    </row>
    <row r="117" spans="1:2" s="13" customFormat="1" x14ac:dyDescent="0.25">
      <c r="A117" s="64" t="s">
        <v>279</v>
      </c>
      <c r="B117" s="22"/>
    </row>
    <row r="118" spans="1:2" s="13" customFormat="1" x14ac:dyDescent="0.25">
      <c r="A118" s="64" t="s">
        <v>44</v>
      </c>
      <c r="B118" s="21"/>
    </row>
    <row r="119" spans="1:2" s="13" customFormat="1" ht="29.25" x14ac:dyDescent="0.25">
      <c r="A119" s="64" t="s">
        <v>280</v>
      </c>
      <c r="B119" s="21"/>
    </row>
    <row r="120" spans="1:2" s="13" customFormat="1" x14ac:dyDescent="0.25">
      <c r="A120" s="64" t="s">
        <v>45</v>
      </c>
      <c r="B120" s="21"/>
    </row>
    <row r="121" spans="1:2" s="13" customFormat="1" x14ac:dyDescent="0.25">
      <c r="A121" s="64" t="s">
        <v>59</v>
      </c>
      <c r="B121" s="21"/>
    </row>
    <row r="122" spans="1:2" s="13" customFormat="1" x14ac:dyDescent="0.25">
      <c r="A122" s="64" t="s">
        <v>46</v>
      </c>
      <c r="B122" s="22"/>
    </row>
    <row r="123" spans="1:2" s="13" customFormat="1" x14ac:dyDescent="0.25">
      <c r="A123" s="64" t="s">
        <v>47</v>
      </c>
      <c r="B123" s="21"/>
    </row>
    <row r="124" spans="1:2" s="13" customFormat="1" x14ac:dyDescent="0.25">
      <c r="A124" s="64" t="s">
        <v>48</v>
      </c>
      <c r="B124" s="21"/>
    </row>
    <row r="125" spans="1:2" s="13" customFormat="1" ht="29.25" x14ac:dyDescent="0.25">
      <c r="A125" s="64" t="s">
        <v>194</v>
      </c>
      <c r="B125" s="21"/>
    </row>
    <row r="126" spans="1:2" s="13" customFormat="1" x14ac:dyDescent="0.25">
      <c r="A126" s="64" t="s">
        <v>49</v>
      </c>
      <c r="B126" s="21"/>
    </row>
    <row r="127" spans="1:2" s="13" customFormat="1" ht="29.25" x14ac:dyDescent="0.25">
      <c r="A127" s="64" t="s">
        <v>281</v>
      </c>
      <c r="B127" s="21"/>
    </row>
    <row r="128" spans="1:2" s="13" customFormat="1" x14ac:dyDescent="0.25">
      <c r="A128" s="64" t="s">
        <v>11</v>
      </c>
      <c r="B128" s="22"/>
    </row>
    <row r="129" spans="1:2" s="13" customFormat="1" x14ac:dyDescent="0.25">
      <c r="A129" s="64" t="s">
        <v>282</v>
      </c>
      <c r="B129" s="22"/>
    </row>
    <row r="130" spans="1:2" s="13" customFormat="1" x14ac:dyDescent="0.25">
      <c r="A130" s="64" t="s">
        <v>283</v>
      </c>
      <c r="B130" s="22"/>
    </row>
    <row r="131" spans="1:2" s="13" customFormat="1" x14ac:dyDescent="0.25">
      <c r="A131" s="64" t="s">
        <v>284</v>
      </c>
      <c r="B131" s="22"/>
    </row>
    <row r="132" spans="1:2" s="13" customFormat="1" x14ac:dyDescent="0.25">
      <c r="A132" s="64" t="s">
        <v>285</v>
      </c>
      <c r="B132" s="21"/>
    </row>
    <row r="133" spans="1:2" s="13" customFormat="1" x14ac:dyDescent="0.25">
      <c r="A133" s="64" t="s">
        <v>50</v>
      </c>
      <c r="B133" s="22"/>
    </row>
    <row r="134" spans="1:2" s="13" customFormat="1" x14ac:dyDescent="0.25">
      <c r="A134" s="65" t="s">
        <v>286</v>
      </c>
      <c r="B134" s="22"/>
    </row>
    <row r="135" spans="1:2" s="13" customFormat="1" x14ac:dyDescent="0.25">
      <c r="A135" s="64" t="s">
        <v>287</v>
      </c>
      <c r="B135" s="21"/>
    </row>
    <row r="136" spans="1:2" s="13" customFormat="1" x14ac:dyDescent="0.25">
      <c r="A136" s="64" t="s">
        <v>288</v>
      </c>
      <c r="B136" s="21"/>
    </row>
    <row r="137" spans="1:2" s="13" customFormat="1" x14ac:dyDescent="0.25">
      <c r="A137" s="64" t="s">
        <v>289</v>
      </c>
      <c r="B137" s="21"/>
    </row>
    <row r="138" spans="1:2" s="13" customFormat="1" x14ac:dyDescent="0.25">
      <c r="A138" s="64" t="s">
        <v>290</v>
      </c>
      <c r="B138" s="21"/>
    </row>
    <row r="139" spans="1:2" s="13" customFormat="1" x14ac:dyDescent="0.25">
      <c r="A139" s="64" t="s">
        <v>291</v>
      </c>
      <c r="B139" s="22"/>
    </row>
    <row r="140" spans="1:2" s="13" customFormat="1" x14ac:dyDescent="0.25">
      <c r="A140" s="64" t="s">
        <v>51</v>
      </c>
      <c r="B140" s="22"/>
    </row>
    <row r="141" spans="1:2" s="13" customFormat="1" x14ac:dyDescent="0.25">
      <c r="A141" s="64" t="s">
        <v>96</v>
      </c>
      <c r="B141" s="22"/>
    </row>
    <row r="142" spans="1:2" s="13" customFormat="1" x14ac:dyDescent="0.25">
      <c r="A142" s="64" t="s">
        <v>239</v>
      </c>
      <c r="B142" s="22"/>
    </row>
    <row r="143" spans="1:2" s="13" customFormat="1" x14ac:dyDescent="0.25">
      <c r="A143" s="64" t="s">
        <v>292</v>
      </c>
      <c r="B143" s="22"/>
    </row>
    <row r="144" spans="1:2" s="13" customFormat="1" x14ac:dyDescent="0.25">
      <c r="A144" s="64" t="s">
        <v>293</v>
      </c>
      <c r="B144" s="21"/>
    </row>
    <row r="145" spans="1:2" s="13" customFormat="1" x14ac:dyDescent="0.25">
      <c r="A145" s="64" t="s">
        <v>98</v>
      </c>
      <c r="B145" s="21"/>
    </row>
    <row r="146" spans="1:2" s="13" customFormat="1" ht="29.25" x14ac:dyDescent="0.25">
      <c r="A146" s="64" t="s">
        <v>229</v>
      </c>
      <c r="B146" s="22"/>
    </row>
    <row r="147" spans="1:2" s="13" customFormat="1" x14ac:dyDescent="0.25">
      <c r="A147" s="64" t="s">
        <v>99</v>
      </c>
      <c r="B147" s="22"/>
    </row>
    <row r="148" spans="1:2" s="13" customFormat="1" x14ac:dyDescent="0.25">
      <c r="A148" s="64" t="s">
        <v>100</v>
      </c>
      <c r="B148" s="26"/>
    </row>
    <row r="149" spans="1:2" s="13" customFormat="1" ht="29.25" x14ac:dyDescent="0.25">
      <c r="A149" s="64" t="s">
        <v>243</v>
      </c>
      <c r="B149" s="21"/>
    </row>
    <row r="150" spans="1:2" s="13" customFormat="1" x14ac:dyDescent="0.25">
      <c r="A150" s="64" t="s">
        <v>101</v>
      </c>
      <c r="B150" s="21"/>
    </row>
    <row r="151" spans="1:2" s="13" customFormat="1" x14ac:dyDescent="0.25">
      <c r="A151" s="64" t="s">
        <v>294</v>
      </c>
      <c r="B151" s="21"/>
    </row>
    <row r="152" spans="1:2" s="13" customFormat="1" x14ac:dyDescent="0.25">
      <c r="A152" s="64" t="s">
        <v>102</v>
      </c>
      <c r="B152" s="21"/>
    </row>
    <row r="153" spans="1:2" s="13" customFormat="1" x14ac:dyDescent="0.25">
      <c r="A153" s="64" t="s">
        <v>103</v>
      </c>
      <c r="B153" s="21"/>
    </row>
    <row r="154" spans="1:2" s="13" customFormat="1" x14ac:dyDescent="0.25">
      <c r="A154" s="64" t="s">
        <v>295</v>
      </c>
      <c r="B154" s="21"/>
    </row>
    <row r="155" spans="1:2" s="13" customFormat="1" x14ac:dyDescent="0.25">
      <c r="A155" s="64" t="s">
        <v>296</v>
      </c>
      <c r="B155" s="21"/>
    </row>
    <row r="156" spans="1:2" s="13" customFormat="1" x14ac:dyDescent="0.25">
      <c r="A156" s="64" t="s">
        <v>297</v>
      </c>
      <c r="B156" s="21"/>
    </row>
    <row r="157" spans="1:2" s="13" customFormat="1" x14ac:dyDescent="0.25">
      <c r="A157" s="64" t="s">
        <v>298</v>
      </c>
      <c r="B157" s="21"/>
    </row>
    <row r="158" spans="1:2" s="13" customFormat="1" x14ac:dyDescent="0.25">
      <c r="A158" s="64" t="s">
        <v>299</v>
      </c>
      <c r="B158" s="21"/>
    </row>
    <row r="159" spans="1:2" s="13" customFormat="1" x14ac:dyDescent="0.25">
      <c r="A159" s="64" t="s">
        <v>300</v>
      </c>
      <c r="B159" s="21"/>
    </row>
    <row r="160" spans="1:2" s="13" customFormat="1" x14ac:dyDescent="0.25">
      <c r="A160" s="64" t="s">
        <v>301</v>
      </c>
      <c r="B160" s="21"/>
    </row>
    <row r="161" spans="1:2" s="13" customFormat="1" ht="29.25" x14ac:dyDescent="0.25">
      <c r="A161" s="64" t="s">
        <v>201</v>
      </c>
      <c r="B161" s="21"/>
    </row>
    <row r="162" spans="1:2" s="13" customFormat="1" x14ac:dyDescent="0.25">
      <c r="A162" s="64" t="s">
        <v>302</v>
      </c>
      <c r="B162" s="21"/>
    </row>
    <row r="163" spans="1:2" s="13" customFormat="1" x14ac:dyDescent="0.25">
      <c r="A163" s="64" t="s">
        <v>303</v>
      </c>
      <c r="B163" s="21"/>
    </row>
    <row r="164" spans="1:2" s="13" customFormat="1" x14ac:dyDescent="0.25">
      <c r="A164" s="64" t="s">
        <v>52</v>
      </c>
      <c r="B164" s="21"/>
    </row>
    <row r="165" spans="1:2" s="13" customFormat="1" x14ac:dyDescent="0.25">
      <c r="A165" s="64" t="s">
        <v>53</v>
      </c>
      <c r="B165" s="27"/>
    </row>
    <row r="166" spans="1:2" s="13" customFormat="1" x14ac:dyDescent="0.25">
      <c r="A166" s="64" t="s">
        <v>12</v>
      </c>
      <c r="B166" s="27"/>
    </row>
    <row r="167" spans="1:2" s="13" customFormat="1" x14ac:dyDescent="0.25">
      <c r="A167" s="66" t="s">
        <v>13</v>
      </c>
      <c r="B167" s="21"/>
    </row>
    <row r="168" spans="1:2" s="13" customFormat="1" x14ac:dyDescent="0.25">
      <c r="A168" s="25"/>
      <c r="B168" s="22"/>
    </row>
    <row r="169" spans="1:2" s="13" customFormat="1" x14ac:dyDescent="0.25">
      <c r="A169" s="25"/>
      <c r="B169" s="27"/>
    </row>
    <row r="170" spans="1:2" s="13" customFormat="1" x14ac:dyDescent="0.25">
      <c r="A170" s="25"/>
      <c r="B170" s="21"/>
    </row>
    <row r="171" spans="1:2" s="13" customFormat="1" x14ac:dyDescent="0.25">
      <c r="A171" s="25"/>
      <c r="B171" s="21"/>
    </row>
    <row r="172" spans="1:2" s="13" customFormat="1" x14ac:dyDescent="0.25">
      <c r="A172" s="25"/>
      <c r="B172" s="21"/>
    </row>
    <row r="173" spans="1:2" s="13" customFormat="1" x14ac:dyDescent="0.25">
      <c r="A173" s="28"/>
      <c r="B173" s="29"/>
    </row>
    <row r="174" spans="1:2" s="13" customFormat="1" x14ac:dyDescent="0.25">
      <c r="A174" s="25"/>
      <c r="B174" s="21"/>
    </row>
    <row r="175" spans="1:2" s="13" customFormat="1" x14ac:dyDescent="0.25">
      <c r="A175" s="25"/>
      <c r="B175" s="21"/>
    </row>
    <row r="176" spans="1:2" s="13" customFormat="1" x14ac:dyDescent="0.25">
      <c r="A176" s="25"/>
      <c r="B176" s="21"/>
    </row>
    <row r="177" spans="1:2" s="13" customFormat="1" x14ac:dyDescent="0.25">
      <c r="A177" s="30"/>
      <c r="B177" s="21"/>
    </row>
    <row r="178" spans="1:2" s="13" customFormat="1" x14ac:dyDescent="0.25">
      <c r="A178" s="25"/>
      <c r="B178" s="21"/>
    </row>
    <row r="179" spans="1:2" s="13" customFormat="1" x14ac:dyDescent="0.25">
      <c r="A179" s="25"/>
      <c r="B179" s="21"/>
    </row>
    <row r="180" spans="1:2" s="13" customFormat="1" x14ac:dyDescent="0.25">
      <c r="A180" s="25"/>
      <c r="B180" s="21"/>
    </row>
    <row r="181" spans="1:2" s="13" customFormat="1" x14ac:dyDescent="0.25">
      <c r="A181" s="25"/>
      <c r="B181" s="22"/>
    </row>
    <row r="182" spans="1:2" s="13" customFormat="1" x14ac:dyDescent="0.25">
      <c r="A182" s="25"/>
      <c r="B182" s="22"/>
    </row>
    <row r="183" spans="1:2" s="13" customFormat="1" x14ac:dyDescent="0.25">
      <c r="A183" s="25"/>
      <c r="B183" s="22"/>
    </row>
    <row r="184" spans="1:2" s="13" customFormat="1" x14ac:dyDescent="0.25">
      <c r="A184" s="25"/>
      <c r="B184" s="22"/>
    </row>
    <row r="185" spans="1:2" s="13" customFormat="1" x14ac:dyDescent="0.25">
      <c r="A185" s="25"/>
      <c r="B185" s="22"/>
    </row>
    <row r="186" spans="1:2" s="13" customFormat="1" x14ac:dyDescent="0.25">
      <c r="A186" s="25"/>
      <c r="B186" s="22"/>
    </row>
    <row r="187" spans="1:2" s="13" customFormat="1" x14ac:dyDescent="0.25">
      <c r="A187" s="25"/>
      <c r="B187" s="22"/>
    </row>
    <row r="188" spans="1:2" s="13" customFormat="1" x14ac:dyDescent="0.25">
      <c r="A188" s="25"/>
      <c r="B188" s="22"/>
    </row>
    <row r="189" spans="1:2" s="13" customFormat="1" x14ac:dyDescent="0.25">
      <c r="A189" s="25"/>
      <c r="B189" s="22"/>
    </row>
    <row r="190" spans="1:2" s="13" customFormat="1" x14ac:dyDescent="0.25">
      <c r="A190" s="25"/>
      <c r="B190" s="22"/>
    </row>
    <row r="191" spans="1:2" s="13" customFormat="1" x14ac:dyDescent="0.25">
      <c r="A191" s="25"/>
      <c r="B191" s="22"/>
    </row>
    <row r="192" spans="1:2" s="13" customFormat="1" x14ac:dyDescent="0.25">
      <c r="A192" s="25"/>
      <c r="B192" s="22"/>
    </row>
    <row r="193" spans="1:2" s="13" customFormat="1" x14ac:dyDescent="0.25">
      <c r="A193" s="25"/>
      <c r="B193" s="22"/>
    </row>
    <row r="194" spans="1:2" s="13" customFormat="1" x14ac:dyDescent="0.25">
      <c r="A194" s="25"/>
      <c r="B194" s="22"/>
    </row>
    <row r="195" spans="1:2" s="13" customFormat="1" x14ac:dyDescent="0.25">
      <c r="A195" s="25"/>
      <c r="B195" s="22"/>
    </row>
    <row r="196" spans="1:2" s="13" customFormat="1" x14ac:dyDescent="0.25">
      <c r="A196" s="25"/>
      <c r="B196" s="22"/>
    </row>
    <row r="197" spans="1:2" s="13" customFormat="1" x14ac:dyDescent="0.25">
      <c r="A197" s="25"/>
      <c r="B197" s="22"/>
    </row>
    <row r="198" spans="1:2" s="13" customFormat="1" x14ac:dyDescent="0.25">
      <c r="A198" s="25"/>
      <c r="B198" s="22"/>
    </row>
    <row r="199" spans="1:2" s="13" customFormat="1" x14ac:dyDescent="0.25">
      <c r="A199" s="25"/>
      <c r="B199" s="22"/>
    </row>
    <row r="200" spans="1:2" s="13" customFormat="1" x14ac:dyDescent="0.25">
      <c r="A200" s="25"/>
      <c r="B200" s="22"/>
    </row>
    <row r="201" spans="1:2" s="13" customFormat="1" x14ac:dyDescent="0.25">
      <c r="A201" s="25"/>
      <c r="B201" s="22"/>
    </row>
    <row r="202" spans="1:2" s="13" customFormat="1" x14ac:dyDescent="0.25">
      <c r="A202" s="25"/>
      <c r="B202" s="22"/>
    </row>
    <row r="203" spans="1:2" s="13" customFormat="1" x14ac:dyDescent="0.25">
      <c r="A203" s="25"/>
      <c r="B203" s="22"/>
    </row>
    <row r="204" spans="1:2" s="13" customFormat="1" x14ac:dyDescent="0.25">
      <c r="A204" s="25"/>
      <c r="B204" s="21"/>
    </row>
    <row r="205" spans="1:2" s="13" customFormat="1" x14ac:dyDescent="0.25">
      <c r="A205" s="25"/>
      <c r="B205" s="22"/>
    </row>
    <row r="206" spans="1:2" s="13" customFormat="1" x14ac:dyDescent="0.25">
      <c r="A206" s="25"/>
      <c r="B206" s="22"/>
    </row>
    <row r="207" spans="1:2" s="13" customFormat="1" x14ac:dyDescent="0.25">
      <c r="A207" s="25"/>
      <c r="B207" s="22"/>
    </row>
    <row r="208" spans="1:2" s="13" customFormat="1" x14ac:dyDescent="0.25">
      <c r="A208" s="25"/>
      <c r="B208" s="22"/>
    </row>
    <row r="209" spans="1:2" s="13" customFormat="1" x14ac:dyDescent="0.25">
      <c r="A209" s="25"/>
      <c r="B209" s="22"/>
    </row>
    <row r="210" spans="1:2" s="13" customFormat="1" x14ac:dyDescent="0.25">
      <c r="A210" s="25"/>
      <c r="B210" s="22"/>
    </row>
    <row r="211" spans="1:2" s="13" customFormat="1" x14ac:dyDescent="0.25">
      <c r="A211" s="25"/>
      <c r="B211" s="22"/>
    </row>
    <row r="212" spans="1:2" s="13" customFormat="1" x14ac:dyDescent="0.25">
      <c r="A212" s="25"/>
      <c r="B212" s="22"/>
    </row>
    <row r="213" spans="1:2" s="13" customFormat="1" x14ac:dyDescent="0.25">
      <c r="A213" s="25"/>
      <c r="B213" s="22"/>
    </row>
    <row r="214" spans="1:2" s="13" customFormat="1" x14ac:dyDescent="0.25">
      <c r="A214" s="25"/>
      <c r="B214" s="22"/>
    </row>
    <row r="215" spans="1:2" s="13" customFormat="1" x14ac:dyDescent="0.25">
      <c r="A215" s="25"/>
      <c r="B215" s="22"/>
    </row>
    <row r="216" spans="1:2" s="13" customFormat="1" x14ac:dyDescent="0.25">
      <c r="A216" s="25"/>
      <c r="B216" s="22"/>
    </row>
    <row r="217" spans="1:2" s="13" customFormat="1" x14ac:dyDescent="0.25">
      <c r="A217" s="25"/>
      <c r="B217" s="22"/>
    </row>
    <row r="218" spans="1:2" s="13" customFormat="1" x14ac:dyDescent="0.25">
      <c r="A218" s="25"/>
      <c r="B218" s="22"/>
    </row>
    <row r="219" spans="1:2" s="13" customFormat="1" x14ac:dyDescent="0.25">
      <c r="A219" s="25"/>
      <c r="B219" s="22"/>
    </row>
    <row r="220" spans="1:2" s="13" customFormat="1" x14ac:dyDescent="0.25">
      <c r="A220" s="25"/>
      <c r="B220" s="22"/>
    </row>
    <row r="221" spans="1:2" s="13" customFormat="1" x14ac:dyDescent="0.25">
      <c r="A221" s="25"/>
      <c r="B221" s="22"/>
    </row>
    <row r="222" spans="1:2" s="13" customFormat="1" x14ac:dyDescent="0.25">
      <c r="A222" s="25"/>
      <c r="B222" s="22"/>
    </row>
    <row r="223" spans="1:2" s="13" customFormat="1" x14ac:dyDescent="0.25">
      <c r="A223" s="25"/>
      <c r="B223" s="22"/>
    </row>
    <row r="224" spans="1:2" s="13" customFormat="1" x14ac:dyDescent="0.25">
      <c r="A224" s="25"/>
      <c r="B224" s="22"/>
    </row>
    <row r="225" spans="1:2" s="13" customFormat="1" x14ac:dyDescent="0.25">
      <c r="A225" s="25"/>
      <c r="B225" s="22"/>
    </row>
    <row r="226" spans="1:2" s="13" customFormat="1" x14ac:dyDescent="0.25">
      <c r="A226" s="25"/>
      <c r="B226" s="22"/>
    </row>
    <row r="227" spans="1:2" s="13" customFormat="1" x14ac:dyDescent="0.25">
      <c r="A227" s="25"/>
      <c r="B227" s="22"/>
    </row>
    <row r="228" spans="1:2" s="13" customFormat="1" x14ac:dyDescent="0.25">
      <c r="A228" s="25"/>
      <c r="B228" s="22"/>
    </row>
    <row r="229" spans="1:2" s="13" customFormat="1" x14ac:dyDescent="0.25">
      <c r="A229" s="25"/>
      <c r="B229" s="22"/>
    </row>
    <row r="230" spans="1:2" s="13" customFormat="1" x14ac:dyDescent="0.25">
      <c r="A230" s="25"/>
      <c r="B230" s="22"/>
    </row>
    <row r="231" spans="1:2" s="13" customFormat="1" x14ac:dyDescent="0.25">
      <c r="A231" s="25"/>
      <c r="B231" s="22"/>
    </row>
    <row r="232" spans="1:2" s="13" customFormat="1" x14ac:dyDescent="0.25">
      <c r="A232" s="25"/>
      <c r="B232" s="22"/>
    </row>
    <row r="233" spans="1:2" s="13" customFormat="1" x14ac:dyDescent="0.25">
      <c r="A233" s="25"/>
      <c r="B233" s="22"/>
    </row>
    <row r="234" spans="1:2" s="13" customFormat="1" x14ac:dyDescent="0.25">
      <c r="A234" s="25"/>
      <c r="B234" s="22"/>
    </row>
    <row r="235" spans="1:2" s="13" customFormat="1" x14ac:dyDescent="0.25">
      <c r="A235" s="25"/>
      <c r="B235" s="22"/>
    </row>
    <row r="236" spans="1:2" s="13" customFormat="1" x14ac:dyDescent="0.25">
      <c r="A236" s="25"/>
      <c r="B236" s="22"/>
    </row>
    <row r="237" spans="1:2" s="13" customFormat="1" x14ac:dyDescent="0.25">
      <c r="A237" s="25"/>
      <c r="B237" s="22"/>
    </row>
    <row r="238" spans="1:2" s="13" customFormat="1" x14ac:dyDescent="0.25">
      <c r="A238" s="25"/>
      <c r="B238" s="22"/>
    </row>
    <row r="239" spans="1:2" s="13" customFormat="1" x14ac:dyDescent="0.25">
      <c r="A239" s="25"/>
      <c r="B239" s="22"/>
    </row>
    <row r="240" spans="1:2" s="13" customFormat="1" x14ac:dyDescent="0.25">
      <c r="A240" s="25"/>
      <c r="B240" s="22"/>
    </row>
    <row r="241" spans="1:2" s="13" customFormat="1" x14ac:dyDescent="0.25">
      <c r="A241" s="25"/>
      <c r="B241" s="22"/>
    </row>
    <row r="242" spans="1:2" s="13" customFormat="1" x14ac:dyDescent="0.25">
      <c r="A242" s="25"/>
      <c r="B242" s="22"/>
    </row>
    <row r="243" spans="1:2" s="13" customFormat="1" x14ac:dyDescent="0.25">
      <c r="A243" s="25"/>
      <c r="B243" s="22"/>
    </row>
    <row r="244" spans="1:2" s="13" customFormat="1" x14ac:dyDescent="0.25">
      <c r="A244" s="25"/>
      <c r="B244" s="22"/>
    </row>
    <row r="245" spans="1:2" s="13" customFormat="1" x14ac:dyDescent="0.25">
      <c r="A245" s="25"/>
      <c r="B245" s="22"/>
    </row>
    <row r="246" spans="1:2" s="13" customFormat="1" x14ac:dyDescent="0.25">
      <c r="A246" s="25"/>
      <c r="B246" s="22"/>
    </row>
    <row r="247" spans="1:2" s="13" customFormat="1" x14ac:dyDescent="0.25">
      <c r="A247" s="25"/>
      <c r="B247" s="22"/>
    </row>
    <row r="248" spans="1:2" s="13" customFormat="1" x14ac:dyDescent="0.25">
      <c r="A248" s="25"/>
      <c r="B248" s="22"/>
    </row>
    <row r="249" spans="1:2" s="13" customFormat="1" x14ac:dyDescent="0.25">
      <c r="A249" s="25"/>
      <c r="B249" s="22"/>
    </row>
    <row r="250" spans="1:2" s="13" customFormat="1" x14ac:dyDescent="0.25">
      <c r="A250" s="25"/>
      <c r="B250" s="22"/>
    </row>
    <row r="251" spans="1:2" s="13" customFormat="1" x14ac:dyDescent="0.25">
      <c r="A251" s="25"/>
      <c r="B251" s="22"/>
    </row>
    <row r="252" spans="1:2" s="13" customFormat="1" x14ac:dyDescent="0.25">
      <c r="A252" s="25"/>
      <c r="B252" s="22"/>
    </row>
    <row r="253" spans="1:2" s="13" customFormat="1" x14ac:dyDescent="0.25">
      <c r="A253" s="25"/>
      <c r="B253" s="22"/>
    </row>
    <row r="254" spans="1:2" s="13" customFormat="1" x14ac:dyDescent="0.25">
      <c r="A254" s="25"/>
      <c r="B254" s="22"/>
    </row>
    <row r="255" spans="1:2" s="13" customFormat="1" x14ac:dyDescent="0.25">
      <c r="A255" s="25"/>
      <c r="B255" s="22"/>
    </row>
    <row r="256" spans="1:2" s="13" customFormat="1" x14ac:dyDescent="0.25">
      <c r="A256" s="25"/>
      <c r="B256" s="22"/>
    </row>
    <row r="257" spans="1:2" s="13" customFormat="1" x14ac:dyDescent="0.25">
      <c r="A257" s="25"/>
      <c r="B257" s="22"/>
    </row>
    <row r="258" spans="1:2" s="13" customFormat="1" x14ac:dyDescent="0.25">
      <c r="A258" s="25"/>
      <c r="B258" s="22"/>
    </row>
    <row r="259" spans="1:2" s="13" customFormat="1" x14ac:dyDescent="0.25">
      <c r="A259" s="25"/>
      <c r="B259" s="22"/>
    </row>
    <row r="260" spans="1:2" s="13" customFormat="1" x14ac:dyDescent="0.25">
      <c r="A260" s="25"/>
      <c r="B260" s="22"/>
    </row>
    <row r="261" spans="1:2" s="13" customFormat="1" x14ac:dyDescent="0.25">
      <c r="A261" s="25"/>
      <c r="B261" s="22"/>
    </row>
    <row r="262" spans="1:2" s="13" customFormat="1" x14ac:dyDescent="0.25">
      <c r="A262" s="25"/>
      <c r="B262" s="22"/>
    </row>
    <row r="263" spans="1:2" s="13" customFormat="1" x14ac:dyDescent="0.25">
      <c r="A263" s="25"/>
      <c r="B263" s="22"/>
    </row>
    <row r="264" spans="1:2" s="13" customFormat="1" x14ac:dyDescent="0.25">
      <c r="A264" s="25"/>
      <c r="B264" s="22"/>
    </row>
    <row r="265" spans="1:2" s="13" customFormat="1" x14ac:dyDescent="0.25">
      <c r="A265" s="25"/>
      <c r="B265" s="22"/>
    </row>
    <row r="266" spans="1:2" s="13" customFormat="1" x14ac:dyDescent="0.25">
      <c r="A266" s="25"/>
      <c r="B266" s="22"/>
    </row>
    <row r="267" spans="1:2" s="13" customFormat="1" x14ac:dyDescent="0.25">
      <c r="A267" s="25"/>
      <c r="B267" s="22"/>
    </row>
    <row r="268" spans="1:2" s="13" customFormat="1" x14ac:dyDescent="0.25">
      <c r="A268" s="25"/>
      <c r="B268" s="22"/>
    </row>
    <row r="269" spans="1:2" s="13" customFormat="1" x14ac:dyDescent="0.25">
      <c r="A269" s="25"/>
      <c r="B269" s="22"/>
    </row>
    <row r="270" spans="1:2" s="13" customFormat="1" x14ac:dyDescent="0.25">
      <c r="A270" s="25"/>
      <c r="B270" s="22"/>
    </row>
    <row r="271" spans="1:2" s="13" customFormat="1" x14ac:dyDescent="0.25">
      <c r="A271" s="25"/>
      <c r="B271" s="22"/>
    </row>
    <row r="272" spans="1:2" s="13" customFormat="1" x14ac:dyDescent="0.25">
      <c r="A272" s="25"/>
      <c r="B272" s="22"/>
    </row>
    <row r="273" spans="1:2" s="13" customFormat="1" x14ac:dyDescent="0.25">
      <c r="A273" s="25"/>
      <c r="B273" s="22"/>
    </row>
    <row r="274" spans="1:2" s="13" customFormat="1" x14ac:dyDescent="0.25">
      <c r="A274" s="25"/>
      <c r="B274" s="22"/>
    </row>
    <row r="275" spans="1:2" s="13" customFormat="1" x14ac:dyDescent="0.25">
      <c r="A275" s="25"/>
      <c r="B275" s="22"/>
    </row>
    <row r="276" spans="1:2" s="13" customFormat="1" x14ac:dyDescent="0.25">
      <c r="A276" s="25"/>
      <c r="B276" s="22"/>
    </row>
    <row r="277" spans="1:2" s="13" customFormat="1" x14ac:dyDescent="0.25">
      <c r="A277" s="25"/>
      <c r="B277" s="22"/>
    </row>
    <row r="278" spans="1:2" s="13" customFormat="1" x14ac:dyDescent="0.25">
      <c r="A278" s="25"/>
      <c r="B278" s="22"/>
    </row>
    <row r="279" spans="1:2" s="13" customFormat="1" x14ac:dyDescent="0.25">
      <c r="A279" s="25"/>
      <c r="B279" s="22"/>
    </row>
    <row r="280" spans="1:2" s="13" customFormat="1" x14ac:dyDescent="0.25">
      <c r="A280" s="25"/>
      <c r="B280" s="22"/>
    </row>
    <row r="281" spans="1:2" s="13" customFormat="1" x14ac:dyDescent="0.25">
      <c r="A281" s="25"/>
      <c r="B281" s="22"/>
    </row>
    <row r="282" spans="1:2" s="13" customFormat="1" x14ac:dyDescent="0.25">
      <c r="A282" s="25"/>
      <c r="B282" s="22"/>
    </row>
    <row r="283" spans="1:2" s="13" customFormat="1" x14ac:dyDescent="0.25">
      <c r="A283" s="25"/>
      <c r="B283" s="22"/>
    </row>
    <row r="284" spans="1:2" s="13" customFormat="1" x14ac:dyDescent="0.25">
      <c r="A284" s="25"/>
      <c r="B284" s="22"/>
    </row>
    <row r="285" spans="1:2" s="13" customFormat="1" x14ac:dyDescent="0.25">
      <c r="A285" s="25"/>
      <c r="B285" s="22"/>
    </row>
    <row r="286" spans="1:2" s="13" customFormat="1" x14ac:dyDescent="0.25">
      <c r="A286" s="25"/>
      <c r="B286" s="22"/>
    </row>
    <row r="287" spans="1:2" s="13" customFormat="1" x14ac:dyDescent="0.25">
      <c r="A287" s="25"/>
      <c r="B287" s="22"/>
    </row>
    <row r="288" spans="1:2" s="13" customFormat="1" x14ac:dyDescent="0.25">
      <c r="A288" s="25"/>
      <c r="B288" s="22"/>
    </row>
    <row r="289" spans="1:2" s="13" customFormat="1" x14ac:dyDescent="0.25">
      <c r="A289" s="25"/>
      <c r="B289" s="22"/>
    </row>
    <row r="290" spans="1:2" s="13" customFormat="1" x14ac:dyDescent="0.25">
      <c r="A290" s="25"/>
      <c r="B290" s="22"/>
    </row>
    <row r="291" spans="1:2" s="13" customFormat="1" x14ac:dyDescent="0.25">
      <c r="A291" s="25"/>
      <c r="B291" s="22"/>
    </row>
    <row r="292" spans="1:2" s="13" customFormat="1" x14ac:dyDescent="0.25">
      <c r="A292" s="25"/>
      <c r="B292" s="22"/>
    </row>
    <row r="293" spans="1:2" s="13" customFormat="1" x14ac:dyDescent="0.25">
      <c r="A293" s="25"/>
      <c r="B293" s="22"/>
    </row>
    <row r="294" spans="1:2" s="13" customFormat="1" x14ac:dyDescent="0.25">
      <c r="A294" s="25"/>
      <c r="B294" s="22"/>
    </row>
    <row r="295" spans="1:2" s="13" customFormat="1" x14ac:dyDescent="0.25">
      <c r="A295" s="25"/>
      <c r="B295" s="22"/>
    </row>
    <row r="296" spans="1:2" s="13" customFormat="1" x14ac:dyDescent="0.25">
      <c r="A296" s="25"/>
      <c r="B296" s="22"/>
    </row>
    <row r="297" spans="1:2" s="13" customFormat="1" x14ac:dyDescent="0.25">
      <c r="A297" s="25"/>
      <c r="B297" s="22"/>
    </row>
    <row r="298" spans="1:2" s="13" customFormat="1" x14ac:dyDescent="0.25">
      <c r="A298" s="25"/>
      <c r="B298" s="22"/>
    </row>
    <row r="299" spans="1:2" s="13" customFormat="1" x14ac:dyDescent="0.25">
      <c r="A299" s="25"/>
      <c r="B299" s="22"/>
    </row>
    <row r="300" spans="1:2" s="13" customFormat="1" x14ac:dyDescent="0.25">
      <c r="A300" s="25"/>
      <c r="B300" s="22"/>
    </row>
    <row r="301" spans="1:2" s="13" customFormat="1" x14ac:dyDescent="0.25">
      <c r="A301" s="25"/>
      <c r="B301" s="22"/>
    </row>
    <row r="302" spans="1:2" s="13" customFormat="1" x14ac:dyDescent="0.25">
      <c r="A302" s="25"/>
      <c r="B302" s="22"/>
    </row>
    <row r="303" spans="1:2" s="13" customFormat="1" x14ac:dyDescent="0.25">
      <c r="A303" s="25"/>
      <c r="B303" s="22"/>
    </row>
    <row r="304" spans="1:2" s="13" customFormat="1" x14ac:dyDescent="0.25">
      <c r="A304" s="25"/>
      <c r="B304" s="22"/>
    </row>
    <row r="305" spans="1:2" s="13" customFormat="1" x14ac:dyDescent="0.25">
      <c r="A305" s="25"/>
      <c r="B305" s="31" t="s">
        <v>20</v>
      </c>
    </row>
    <row r="306" spans="1:2" s="13" customFormat="1" x14ac:dyDescent="0.25">
      <c r="A306" s="25"/>
      <c r="B306" s="22"/>
    </row>
    <row r="307" spans="1:2" s="13" customFormat="1" x14ac:dyDescent="0.25">
      <c r="A307" s="25"/>
      <c r="B307" s="22"/>
    </row>
    <row r="308" spans="1:2" s="13" customFormat="1" x14ac:dyDescent="0.25">
      <c r="A308" s="25"/>
      <c r="B308" s="22"/>
    </row>
    <row r="309" spans="1:2" s="13" customFormat="1" x14ac:dyDescent="0.25">
      <c r="A309" s="25"/>
      <c r="B309" s="25"/>
    </row>
    <row r="310" spans="1:2" s="13" customFormat="1" x14ac:dyDescent="0.25">
      <c r="A310" s="25"/>
      <c r="B310" s="25"/>
    </row>
    <row r="311" spans="1:2" s="13" customFormat="1" x14ac:dyDescent="0.25">
      <c r="A311" s="25"/>
      <c r="B311" s="25"/>
    </row>
    <row r="312" spans="1:2" s="13" customFormat="1" x14ac:dyDescent="0.25">
      <c r="A312" s="25"/>
      <c r="B312" s="25"/>
    </row>
    <row r="313" spans="1:2" s="13" customFormat="1" x14ac:dyDescent="0.25">
      <c r="A313" s="25"/>
      <c r="B313" s="25"/>
    </row>
    <row r="314" spans="1:2" s="13" customFormat="1" x14ac:dyDescent="0.25">
      <c r="A314" s="25"/>
      <c r="B314" s="25"/>
    </row>
    <row r="315" spans="1:2" s="13" customFormat="1" x14ac:dyDescent="0.25">
      <c r="A315" s="25"/>
      <c r="B315" s="25"/>
    </row>
    <row r="316" spans="1:2" s="13" customFormat="1" x14ac:dyDescent="0.25">
      <c r="A316" s="25"/>
      <c r="B316" s="25"/>
    </row>
    <row r="317" spans="1:2" s="13" customFormat="1" x14ac:dyDescent="0.25">
      <c r="A317" s="25"/>
      <c r="B317" s="25"/>
    </row>
    <row r="318" spans="1:2" s="13" customFormat="1" x14ac:dyDescent="0.25">
      <c r="A318" s="25"/>
      <c r="B318" s="25"/>
    </row>
    <row r="319" spans="1:2" s="13" customFormat="1" x14ac:dyDescent="0.25">
      <c r="A319" s="25"/>
      <c r="B319" s="25"/>
    </row>
    <row r="320" spans="1:2" s="13" customFormat="1" x14ac:dyDescent="0.25">
      <c r="A320" s="25"/>
      <c r="B320" s="25"/>
    </row>
    <row r="321" spans="1:2" s="13" customFormat="1" x14ac:dyDescent="0.25">
      <c r="A321" s="25"/>
      <c r="B321" s="25"/>
    </row>
    <row r="322" spans="1:2" s="13" customFormat="1" x14ac:dyDescent="0.25">
      <c r="A322" s="25"/>
      <c r="B322" s="25"/>
    </row>
    <row r="323" spans="1:2" s="13" customFormat="1" x14ac:dyDescent="0.25">
      <c r="A323" s="25"/>
      <c r="B323" s="25"/>
    </row>
    <row r="324" spans="1:2" s="13" customFormat="1" x14ac:dyDescent="0.25">
      <c r="A324" s="25"/>
      <c r="B324" s="25"/>
    </row>
    <row r="325" spans="1:2" s="13" customFormat="1" x14ac:dyDescent="0.25">
      <c r="A325" s="25"/>
      <c r="B325" s="25"/>
    </row>
    <row r="326" spans="1:2" s="13" customFormat="1" x14ac:dyDescent="0.25">
      <c r="A326" s="25"/>
      <c r="B326" s="25"/>
    </row>
    <row r="327" spans="1:2" s="13" customFormat="1" x14ac:dyDescent="0.25">
      <c r="A327" s="25"/>
      <c r="B327" s="25"/>
    </row>
    <row r="328" spans="1:2" s="13" customFormat="1" x14ac:dyDescent="0.25">
      <c r="A328" s="25"/>
      <c r="B328" s="25"/>
    </row>
    <row r="329" spans="1:2" s="13" customFormat="1" x14ac:dyDescent="0.25">
      <c r="A329" s="25"/>
      <c r="B329" s="25"/>
    </row>
    <row r="330" spans="1:2" s="13" customFormat="1" x14ac:dyDescent="0.25">
      <c r="A330" s="25"/>
      <c r="B330" s="25"/>
    </row>
    <row r="331" spans="1:2" s="13" customFormat="1" x14ac:dyDescent="0.25">
      <c r="A331" s="25"/>
      <c r="B331" s="25"/>
    </row>
    <row r="332" spans="1:2" s="13" customFormat="1" x14ac:dyDescent="0.25">
      <c r="A332" s="25"/>
      <c r="B332" s="25"/>
    </row>
    <row r="333" spans="1:2" s="13" customFormat="1" x14ac:dyDescent="0.25">
      <c r="A333" s="25"/>
      <c r="B333" s="25"/>
    </row>
    <row r="334" spans="1:2" s="13" customFormat="1" x14ac:dyDescent="0.25">
      <c r="A334" s="25"/>
      <c r="B334" s="25"/>
    </row>
    <row r="335" spans="1:2" s="13" customFormat="1" x14ac:dyDescent="0.25">
      <c r="A335" s="25"/>
      <c r="B335" s="25"/>
    </row>
    <row r="336" spans="1:2" s="13" customFormat="1" x14ac:dyDescent="0.25">
      <c r="A336" s="25"/>
      <c r="B336" s="25"/>
    </row>
    <row r="337" spans="1:2" s="13" customFormat="1" x14ac:dyDescent="0.25">
      <c r="A337" s="25"/>
      <c r="B337" s="25"/>
    </row>
    <row r="338" spans="1:2" s="13" customFormat="1" x14ac:dyDescent="0.25">
      <c r="A338" s="25"/>
      <c r="B338" s="25"/>
    </row>
    <row r="339" spans="1:2" s="13" customFormat="1" x14ac:dyDescent="0.25">
      <c r="A339" s="25"/>
      <c r="B339" s="25"/>
    </row>
    <row r="340" spans="1:2" s="13" customFormat="1" x14ac:dyDescent="0.25">
      <c r="A340" s="25"/>
      <c r="B340" s="25"/>
    </row>
    <row r="341" spans="1:2" s="13" customFormat="1" x14ac:dyDescent="0.25">
      <c r="A341" s="25"/>
      <c r="B341" s="25"/>
    </row>
    <row r="342" spans="1:2" s="13" customFormat="1" x14ac:dyDescent="0.25">
      <c r="A342" s="25"/>
      <c r="B342" s="25"/>
    </row>
    <row r="343" spans="1:2" s="13" customFormat="1" x14ac:dyDescent="0.25">
      <c r="A343" s="25"/>
      <c r="B343" s="25"/>
    </row>
    <row r="344" spans="1:2" s="13" customFormat="1" x14ac:dyDescent="0.25">
      <c r="A344" s="25"/>
      <c r="B344" s="25"/>
    </row>
    <row r="345" spans="1:2" s="13" customFormat="1" x14ac:dyDescent="0.25">
      <c r="A345" s="25"/>
      <c r="B345" s="25"/>
    </row>
    <row r="346" spans="1:2" s="13" customFormat="1" x14ac:dyDescent="0.25">
      <c r="A346" s="25"/>
      <c r="B346" s="25"/>
    </row>
    <row r="347" spans="1:2" s="13" customFormat="1" x14ac:dyDescent="0.25">
      <c r="A347" s="25"/>
      <c r="B347" s="25"/>
    </row>
    <row r="348" spans="1:2" s="13" customFormat="1" x14ac:dyDescent="0.25">
      <c r="A348" s="25"/>
      <c r="B348" s="25"/>
    </row>
    <row r="349" spans="1:2" s="13" customFormat="1" x14ac:dyDescent="0.25">
      <c r="A349" s="25"/>
      <c r="B349" s="25"/>
    </row>
    <row r="350" spans="1:2" s="13" customFormat="1" x14ac:dyDescent="0.25">
      <c r="A350" s="25"/>
      <c r="B350" s="25"/>
    </row>
    <row r="351" spans="1:2" s="13" customFormat="1" x14ac:dyDescent="0.25">
      <c r="A351" s="25"/>
      <c r="B351" s="25"/>
    </row>
    <row r="352" spans="1:2" s="13" customFormat="1" x14ac:dyDescent="0.25">
      <c r="A352" s="25"/>
      <c r="B352" s="25"/>
    </row>
    <row r="353" spans="1:2" s="13" customFormat="1" x14ac:dyDescent="0.25">
      <c r="A353" s="25"/>
      <c r="B353" s="25"/>
    </row>
    <row r="354" spans="1:2" s="13" customFormat="1" x14ac:dyDescent="0.25">
      <c r="A354" s="25"/>
      <c r="B354" s="25"/>
    </row>
    <row r="355" spans="1:2" s="13" customFormat="1" x14ac:dyDescent="0.25">
      <c r="A355" s="25"/>
      <c r="B355" s="25"/>
    </row>
    <row r="356" spans="1:2" s="13" customFormat="1" x14ac:dyDescent="0.25">
      <c r="A356" s="25"/>
      <c r="B356" s="25"/>
    </row>
    <row r="357" spans="1:2" s="13" customFormat="1" x14ac:dyDescent="0.25">
      <c r="A357" s="25"/>
      <c r="B357" s="25"/>
    </row>
    <row r="358" spans="1:2" s="13" customFormat="1" x14ac:dyDescent="0.25">
      <c r="A358" s="25"/>
      <c r="B358" s="25"/>
    </row>
    <row r="359" spans="1:2" s="13" customFormat="1" x14ac:dyDescent="0.25">
      <c r="A359" s="25"/>
      <c r="B359" s="25"/>
    </row>
    <row r="360" spans="1:2" s="13" customFormat="1" x14ac:dyDescent="0.25">
      <c r="A360" s="25"/>
      <c r="B360" s="25"/>
    </row>
    <row r="361" spans="1:2" s="13" customFormat="1" x14ac:dyDescent="0.25">
      <c r="A361" s="25"/>
      <c r="B361" s="25"/>
    </row>
    <row r="362" spans="1:2" s="13" customFormat="1" x14ac:dyDescent="0.25">
      <c r="A362" s="25"/>
      <c r="B362" s="25"/>
    </row>
    <row r="363" spans="1:2" s="13" customFormat="1" x14ac:dyDescent="0.25">
      <c r="A363" s="25"/>
      <c r="B363" s="25"/>
    </row>
    <row r="364" spans="1:2" s="13" customFormat="1" x14ac:dyDescent="0.25">
      <c r="A364" s="25"/>
      <c r="B364" s="25"/>
    </row>
    <row r="365" spans="1:2" s="13" customFormat="1" x14ac:dyDescent="0.25">
      <c r="A365" s="25"/>
      <c r="B365" s="25"/>
    </row>
    <row r="366" spans="1:2" s="13" customFormat="1" x14ac:dyDescent="0.25">
      <c r="A366" s="25"/>
      <c r="B366" s="25"/>
    </row>
    <row r="367" spans="1:2" s="13" customFormat="1" x14ac:dyDescent="0.25">
      <c r="A367" s="25"/>
      <c r="B367" s="25"/>
    </row>
    <row r="368" spans="1:2" s="13" customFormat="1" x14ac:dyDescent="0.25">
      <c r="A368" s="25"/>
      <c r="B368" s="25"/>
    </row>
    <row r="369" spans="1:2" s="13" customFormat="1" x14ac:dyDescent="0.25">
      <c r="A369" s="25"/>
      <c r="B369" s="25"/>
    </row>
    <row r="370" spans="1:2" s="13" customFormat="1" x14ac:dyDescent="0.25">
      <c r="A370" s="25"/>
      <c r="B370" s="25"/>
    </row>
    <row r="371" spans="1:2" s="13" customFormat="1" x14ac:dyDescent="0.25">
      <c r="A371" s="25"/>
      <c r="B371" s="25"/>
    </row>
    <row r="372" spans="1:2" s="13" customFormat="1" x14ac:dyDescent="0.25">
      <c r="A372" s="25"/>
      <c r="B372" s="25"/>
    </row>
    <row r="373" spans="1:2" s="13" customFormat="1" x14ac:dyDescent="0.25">
      <c r="A373" s="25"/>
      <c r="B373" s="25"/>
    </row>
    <row r="374" spans="1:2" s="13" customFormat="1" x14ac:dyDescent="0.25">
      <c r="A374" s="25"/>
      <c r="B374" s="25"/>
    </row>
    <row r="375" spans="1:2" s="13" customFormat="1" x14ac:dyDescent="0.25">
      <c r="A375" s="25"/>
      <c r="B375" s="25"/>
    </row>
    <row r="376" spans="1:2" s="13" customFormat="1" x14ac:dyDescent="0.25">
      <c r="A376" s="25"/>
      <c r="B376" s="25"/>
    </row>
    <row r="377" spans="1:2" s="13" customFormat="1" x14ac:dyDescent="0.25">
      <c r="A377" s="25"/>
      <c r="B377" s="25"/>
    </row>
    <row r="378" spans="1:2" s="13" customFormat="1" x14ac:dyDescent="0.25">
      <c r="A378" s="25"/>
      <c r="B378" s="25"/>
    </row>
    <row r="379" spans="1:2" s="13" customFormat="1" x14ac:dyDescent="0.25">
      <c r="A379" s="25"/>
      <c r="B379" s="25"/>
    </row>
    <row r="380" spans="1:2" s="13" customFormat="1" x14ac:dyDescent="0.25">
      <c r="A380" s="25"/>
      <c r="B380" s="25"/>
    </row>
    <row r="381" spans="1:2" s="13" customFormat="1" x14ac:dyDescent="0.25">
      <c r="A381" s="25"/>
      <c r="B381" s="25"/>
    </row>
    <row r="382" spans="1:2" s="13" customFormat="1" x14ac:dyDescent="0.25">
      <c r="A382" s="25"/>
      <c r="B382" s="25"/>
    </row>
    <row r="383" spans="1:2" s="13" customFormat="1" x14ac:dyDescent="0.25">
      <c r="A383" s="25"/>
      <c r="B383" s="25"/>
    </row>
    <row r="384" spans="1:2" s="13" customFormat="1" x14ac:dyDescent="0.25">
      <c r="A384" s="25"/>
      <c r="B384" s="25"/>
    </row>
    <row r="385" spans="1:2" s="13" customFormat="1" x14ac:dyDescent="0.25">
      <c r="A385" s="25"/>
      <c r="B385" s="25"/>
    </row>
    <row r="386" spans="1:2" s="13" customFormat="1" x14ac:dyDescent="0.25">
      <c r="A386" s="25"/>
      <c r="B386" s="25"/>
    </row>
    <row r="387" spans="1:2" s="13" customFormat="1" x14ac:dyDescent="0.25">
      <c r="A387" s="25"/>
      <c r="B387" s="25"/>
    </row>
    <row r="388" spans="1:2" s="13" customFormat="1" x14ac:dyDescent="0.25">
      <c r="A388" s="25"/>
      <c r="B388" s="25"/>
    </row>
    <row r="389" spans="1:2" s="13" customFormat="1" x14ac:dyDescent="0.25">
      <c r="A389" s="25"/>
      <c r="B389" s="25"/>
    </row>
    <row r="390" spans="1:2" s="13" customFormat="1" x14ac:dyDescent="0.25">
      <c r="A390" s="25"/>
      <c r="B390" s="25"/>
    </row>
    <row r="391" spans="1:2" s="13" customFormat="1" x14ac:dyDescent="0.25">
      <c r="A391" s="25"/>
      <c r="B391" s="25"/>
    </row>
    <row r="392" spans="1:2" s="13" customFormat="1" x14ac:dyDescent="0.25">
      <c r="A392" s="25"/>
      <c r="B392" s="25"/>
    </row>
    <row r="393" spans="1:2" s="13" customFormat="1" x14ac:dyDescent="0.25">
      <c r="A393" s="25"/>
      <c r="B393" s="25"/>
    </row>
    <row r="394" spans="1:2" s="13" customFormat="1" x14ac:dyDescent="0.25">
      <c r="A394" s="25"/>
      <c r="B394" s="25"/>
    </row>
    <row r="395" spans="1:2" s="13" customFormat="1" x14ac:dyDescent="0.25">
      <c r="A395" s="25"/>
      <c r="B395" s="25"/>
    </row>
    <row r="396" spans="1:2" s="13" customFormat="1" x14ac:dyDescent="0.25">
      <c r="A396" s="25"/>
      <c r="B396" s="25"/>
    </row>
    <row r="397" spans="1:2" s="13" customFormat="1" x14ac:dyDescent="0.25">
      <c r="A397" s="25"/>
      <c r="B397" s="25"/>
    </row>
    <row r="398" spans="1:2" s="13" customFormat="1" x14ac:dyDescent="0.25">
      <c r="A398" s="25"/>
      <c r="B398" s="25"/>
    </row>
    <row r="399" spans="1:2" s="13" customFormat="1" x14ac:dyDescent="0.25">
      <c r="A399" s="25"/>
      <c r="B399" s="25"/>
    </row>
    <row r="400" spans="1:2" s="13" customFormat="1" x14ac:dyDescent="0.25">
      <c r="A400" s="25"/>
      <c r="B400" s="25"/>
    </row>
    <row r="401" spans="1:2" s="13" customFormat="1" x14ac:dyDescent="0.25">
      <c r="A401" s="25"/>
      <c r="B401" s="25"/>
    </row>
    <row r="402" spans="1:2" s="13" customFormat="1" x14ac:dyDescent="0.25">
      <c r="A402" s="25"/>
      <c r="B402" s="25"/>
    </row>
    <row r="403" spans="1:2" s="13" customFormat="1" x14ac:dyDescent="0.25">
      <c r="A403" s="25"/>
      <c r="B403" s="25"/>
    </row>
    <row r="404" spans="1:2" s="13" customFormat="1" x14ac:dyDescent="0.25">
      <c r="A404" s="25"/>
      <c r="B404" s="25"/>
    </row>
    <row r="405" spans="1:2" s="13" customFormat="1" x14ac:dyDescent="0.25">
      <c r="A405" s="25"/>
      <c r="B405" s="25"/>
    </row>
    <row r="406" spans="1:2" s="13" customFormat="1" x14ac:dyDescent="0.25">
      <c r="A406" s="25"/>
      <c r="B406" s="25"/>
    </row>
    <row r="407" spans="1:2" s="13" customFormat="1" x14ac:dyDescent="0.25">
      <c r="A407" s="25"/>
      <c r="B407" s="25"/>
    </row>
    <row r="408" spans="1:2" s="13" customFormat="1" x14ac:dyDescent="0.25">
      <c r="A408" s="25"/>
      <c r="B408" s="25"/>
    </row>
    <row r="409" spans="1:2" s="13" customFormat="1" x14ac:dyDescent="0.25">
      <c r="A409" s="25"/>
      <c r="B409" s="25"/>
    </row>
    <row r="410" spans="1:2" s="13" customFormat="1" x14ac:dyDescent="0.25">
      <c r="A410" s="25"/>
      <c r="B410" s="25"/>
    </row>
    <row r="411" spans="1:2" s="13" customFormat="1" x14ac:dyDescent="0.25">
      <c r="A411" s="25"/>
      <c r="B411" s="25"/>
    </row>
    <row r="412" spans="1:2" s="13" customFormat="1" x14ac:dyDescent="0.25">
      <c r="A412" s="25"/>
      <c r="B412" s="25"/>
    </row>
    <row r="413" spans="1:2" s="13" customFormat="1" x14ac:dyDescent="0.25">
      <c r="A413" s="25"/>
      <c r="B413" s="25"/>
    </row>
    <row r="414" spans="1:2" s="13" customFormat="1" x14ac:dyDescent="0.25">
      <c r="A414" s="25"/>
      <c r="B414" s="25"/>
    </row>
    <row r="415" spans="1:2" s="13" customFormat="1" x14ac:dyDescent="0.25">
      <c r="A415" s="25"/>
      <c r="B415" s="25"/>
    </row>
    <row r="416" spans="1:2" s="13" customFormat="1" x14ac:dyDescent="0.25">
      <c r="A416" s="25"/>
      <c r="B416" s="25"/>
    </row>
    <row r="417" spans="1:2" s="13" customFormat="1" x14ac:dyDescent="0.25">
      <c r="A417" s="25"/>
      <c r="B417" s="25"/>
    </row>
    <row r="418" spans="1:2" s="13" customFormat="1" x14ac:dyDescent="0.25">
      <c r="A418" s="25"/>
      <c r="B418" s="25"/>
    </row>
    <row r="419" spans="1:2" s="13" customFormat="1" x14ac:dyDescent="0.25">
      <c r="A419" s="25"/>
      <c r="B419" s="25"/>
    </row>
    <row r="420" spans="1:2" s="13" customFormat="1" x14ac:dyDescent="0.25">
      <c r="A420" s="25"/>
      <c r="B420" s="25"/>
    </row>
    <row r="421" spans="1:2" s="13" customFormat="1" x14ac:dyDescent="0.25">
      <c r="A421" s="25"/>
      <c r="B421" s="25"/>
    </row>
    <row r="422" spans="1:2" s="13" customFormat="1" x14ac:dyDescent="0.25">
      <c r="A422" s="25"/>
      <c r="B422" s="25"/>
    </row>
    <row r="423" spans="1:2" s="13" customFormat="1" x14ac:dyDescent="0.25">
      <c r="A423" s="25"/>
      <c r="B423" s="25"/>
    </row>
    <row r="424" spans="1:2" s="13" customFormat="1" x14ac:dyDescent="0.25">
      <c r="A424" s="25"/>
      <c r="B424" s="25"/>
    </row>
    <row r="425" spans="1:2" s="13" customFormat="1" x14ac:dyDescent="0.25">
      <c r="A425" s="25"/>
      <c r="B425" s="25"/>
    </row>
    <row r="426" spans="1:2" s="13" customFormat="1" x14ac:dyDescent="0.25">
      <c r="A426" s="25"/>
      <c r="B426" s="25"/>
    </row>
    <row r="427" spans="1:2" s="13" customFormat="1" x14ac:dyDescent="0.25">
      <c r="A427" s="25"/>
      <c r="B427" s="25"/>
    </row>
    <row r="428" spans="1:2" s="13" customFormat="1" x14ac:dyDescent="0.25">
      <c r="A428" s="25"/>
      <c r="B428" s="25"/>
    </row>
    <row r="429" spans="1:2" s="13" customFormat="1" x14ac:dyDescent="0.25">
      <c r="A429" s="25"/>
      <c r="B429" s="25"/>
    </row>
    <row r="430" spans="1:2" s="13" customFormat="1" x14ac:dyDescent="0.25">
      <c r="A430" s="25"/>
      <c r="B430" s="25"/>
    </row>
    <row r="431" spans="1:2" s="13" customFormat="1" x14ac:dyDescent="0.25">
      <c r="A431" s="25"/>
      <c r="B431" s="25"/>
    </row>
    <row r="432" spans="1:2" s="13" customFormat="1" x14ac:dyDescent="0.25">
      <c r="A432" s="25"/>
      <c r="B432" s="25"/>
    </row>
    <row r="433" spans="1:2" s="13" customFormat="1" x14ac:dyDescent="0.25">
      <c r="A433" s="25"/>
      <c r="B433" s="25"/>
    </row>
    <row r="434" spans="1:2" s="13" customFormat="1" x14ac:dyDescent="0.25">
      <c r="A434" s="25"/>
      <c r="B434" s="25"/>
    </row>
    <row r="435" spans="1:2" s="13" customFormat="1" x14ac:dyDescent="0.25">
      <c r="A435" s="25"/>
      <c r="B435" s="25"/>
    </row>
    <row r="436" spans="1:2" s="13" customFormat="1" x14ac:dyDescent="0.25">
      <c r="A436" s="25"/>
      <c r="B436" s="25"/>
    </row>
    <row r="437" spans="1:2" s="13" customFormat="1" x14ac:dyDescent="0.25">
      <c r="A437" s="25"/>
      <c r="B437" s="25"/>
    </row>
    <row r="438" spans="1:2" s="13" customFormat="1" x14ac:dyDescent="0.25">
      <c r="A438" s="25"/>
      <c r="B438" s="25"/>
    </row>
    <row r="439" spans="1:2" s="13" customFormat="1" x14ac:dyDescent="0.25">
      <c r="A439" s="25"/>
      <c r="B439" s="25"/>
    </row>
    <row r="440" spans="1:2" s="13" customFormat="1" x14ac:dyDescent="0.25">
      <c r="A440" s="25"/>
      <c r="B440" s="25"/>
    </row>
    <row r="441" spans="1:2" s="13" customFormat="1" x14ac:dyDescent="0.25">
      <c r="A441" s="25"/>
      <c r="B441" s="25"/>
    </row>
    <row r="442" spans="1:2" s="13" customFormat="1" x14ac:dyDescent="0.25">
      <c r="A442" s="25"/>
      <c r="B442" s="25"/>
    </row>
    <row r="443" spans="1:2" s="13" customFormat="1" x14ac:dyDescent="0.25">
      <c r="A443" s="25"/>
      <c r="B443" s="25"/>
    </row>
    <row r="444" spans="1:2" s="13" customFormat="1" x14ac:dyDescent="0.25">
      <c r="A444" s="25"/>
      <c r="B444" s="25"/>
    </row>
    <row r="445" spans="1:2" s="13" customFormat="1" x14ac:dyDescent="0.25">
      <c r="A445" s="25"/>
      <c r="B445" s="25"/>
    </row>
    <row r="446" spans="1:2" s="13" customFormat="1" x14ac:dyDescent="0.25">
      <c r="A446" s="25"/>
      <c r="B446" s="25"/>
    </row>
    <row r="447" spans="1:2" s="13" customFormat="1" x14ac:dyDescent="0.25">
      <c r="A447" s="25"/>
      <c r="B447" s="25"/>
    </row>
    <row r="448" spans="1:2" s="13" customFormat="1" x14ac:dyDescent="0.25">
      <c r="A448" s="25"/>
      <c r="B448" s="25"/>
    </row>
    <row r="449" spans="1:2" s="13" customFormat="1" x14ac:dyDescent="0.25">
      <c r="A449" s="25"/>
      <c r="B449" s="25"/>
    </row>
    <row r="450" spans="1:2" s="13" customFormat="1" x14ac:dyDescent="0.25">
      <c r="A450" s="25"/>
      <c r="B450" s="25"/>
    </row>
    <row r="451" spans="1:2" s="13" customFormat="1" x14ac:dyDescent="0.25">
      <c r="A451" s="25"/>
      <c r="B451" s="25"/>
    </row>
    <row r="452" spans="1:2" s="13" customFormat="1" x14ac:dyDescent="0.25">
      <c r="A452" s="25"/>
      <c r="B452" s="25"/>
    </row>
    <row r="453" spans="1:2" s="13" customFormat="1" x14ac:dyDescent="0.25">
      <c r="A453" s="25"/>
      <c r="B453" s="25"/>
    </row>
    <row r="454" spans="1:2" s="13" customFormat="1" x14ac:dyDescent="0.25">
      <c r="A454" s="25"/>
      <c r="B454" s="25"/>
    </row>
    <row r="455" spans="1:2" s="13" customFormat="1" x14ac:dyDescent="0.25">
      <c r="A455" s="25"/>
      <c r="B455" s="25"/>
    </row>
    <row r="456" spans="1:2" s="13" customFormat="1" x14ac:dyDescent="0.25">
      <c r="A456" s="25"/>
      <c r="B456" s="25"/>
    </row>
    <row r="457" spans="1:2" s="13" customFormat="1" x14ac:dyDescent="0.25">
      <c r="A457" s="25"/>
      <c r="B457" s="25"/>
    </row>
    <row r="458" spans="1:2" s="13" customFormat="1" x14ac:dyDescent="0.25">
      <c r="A458" s="25"/>
      <c r="B458" s="25"/>
    </row>
    <row r="459" spans="1:2" s="13" customFormat="1" x14ac:dyDescent="0.25">
      <c r="A459" s="25"/>
      <c r="B459" s="25"/>
    </row>
    <row r="460" spans="1:2" s="13" customFormat="1" x14ac:dyDescent="0.25">
      <c r="A460" s="25"/>
      <c r="B460" s="25"/>
    </row>
    <row r="461" spans="1:2" s="13" customFormat="1" x14ac:dyDescent="0.25">
      <c r="A461" s="25"/>
      <c r="B461" s="25"/>
    </row>
    <row r="462" spans="1:2" s="13" customFormat="1" x14ac:dyDescent="0.25">
      <c r="A462" s="25"/>
      <c r="B462" s="25"/>
    </row>
    <row r="463" spans="1:2" s="13" customFormat="1" x14ac:dyDescent="0.25">
      <c r="A463" s="25"/>
      <c r="B463" s="25"/>
    </row>
    <row r="464" spans="1:2" s="13" customFormat="1" x14ac:dyDescent="0.25">
      <c r="A464" s="25"/>
      <c r="B464" s="25"/>
    </row>
    <row r="465" spans="1:2" s="13" customFormat="1" x14ac:dyDescent="0.25">
      <c r="A465" s="25"/>
      <c r="B465" s="25"/>
    </row>
    <row r="466" spans="1:2" s="13" customFormat="1" x14ac:dyDescent="0.25">
      <c r="A466" s="25"/>
      <c r="B466" s="25"/>
    </row>
    <row r="467" spans="1:2" s="13" customFormat="1" x14ac:dyDescent="0.25">
      <c r="A467" s="25"/>
      <c r="B467" s="25"/>
    </row>
    <row r="468" spans="1:2" s="13" customFormat="1" x14ac:dyDescent="0.25">
      <c r="A468" s="25"/>
      <c r="B468" s="25"/>
    </row>
    <row r="469" spans="1:2" s="13" customFormat="1" x14ac:dyDescent="0.25">
      <c r="A469" s="25"/>
      <c r="B469" s="25"/>
    </row>
    <row r="470" spans="1:2" s="13" customFormat="1" x14ac:dyDescent="0.25">
      <c r="A470" s="25"/>
      <c r="B470" s="25"/>
    </row>
    <row r="471" spans="1:2" s="13" customFormat="1" x14ac:dyDescent="0.25">
      <c r="A471" s="25"/>
      <c r="B471" s="25"/>
    </row>
    <row r="472" spans="1:2" s="13" customFormat="1" x14ac:dyDescent="0.25">
      <c r="A472" s="25"/>
      <c r="B472" s="25"/>
    </row>
    <row r="473" spans="1:2" s="13" customFormat="1" x14ac:dyDescent="0.25">
      <c r="A473" s="25"/>
      <c r="B473" s="25"/>
    </row>
    <row r="474" spans="1:2" s="13" customFormat="1" x14ac:dyDescent="0.25">
      <c r="A474" s="25"/>
      <c r="B474" s="25"/>
    </row>
    <row r="475" spans="1:2" s="13" customFormat="1" x14ac:dyDescent="0.25">
      <c r="A475" s="25"/>
      <c r="B475" s="25"/>
    </row>
    <row r="476" spans="1:2" s="13" customFormat="1" x14ac:dyDescent="0.25">
      <c r="A476" s="25"/>
      <c r="B476" s="25"/>
    </row>
    <row r="477" spans="1:2" s="13" customFormat="1" x14ac:dyDescent="0.25">
      <c r="A477" s="25"/>
      <c r="B477" s="25"/>
    </row>
    <row r="478" spans="1:2" s="13" customFormat="1" x14ac:dyDescent="0.25">
      <c r="A478" s="25"/>
      <c r="B478" s="25"/>
    </row>
    <row r="479" spans="1:2" x14ac:dyDescent="0.25">
      <c r="A479" s="16"/>
      <c r="B479" s="16"/>
    </row>
    <row r="480" spans="1:2" x14ac:dyDescent="0.25">
      <c r="A480" s="16"/>
      <c r="B480" s="16"/>
    </row>
    <row r="481" spans="2:2" x14ac:dyDescent="0.25">
      <c r="B481" s="16"/>
    </row>
    <row r="482" spans="2:2" x14ac:dyDescent="0.25">
      <c r="B482" s="16"/>
    </row>
  </sheetData>
  <pageMargins left="0.7" right="0.7" top="0.75" bottom="0.75" header="0.3" footer="0.3"/>
  <pageSetup paperSize="9" orientation="portrait" horizontalDpi="300" verticalDpi="3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09C914D-A5BD-437E-837A-133BD4DDD575}">
  <dimension ref="A1:C667"/>
  <sheetViews>
    <sheetView topLeftCell="A88" zoomScale="90" zoomScaleNormal="90" workbookViewId="0">
      <selection activeCell="B136" sqref="B136"/>
    </sheetView>
  </sheetViews>
  <sheetFormatPr defaultColWidth="9.140625" defaultRowHeight="12.75" x14ac:dyDescent="0.2"/>
  <cols>
    <col min="1" max="1" width="158.140625" style="12" bestFit="1" customWidth="1"/>
    <col min="2" max="2" width="65" style="3" customWidth="1"/>
    <col min="3" max="3" width="14.28515625" style="12" customWidth="1"/>
    <col min="4" max="16384" width="9.140625" style="12"/>
  </cols>
  <sheetData>
    <row r="1" spans="1:2" ht="18" x14ac:dyDescent="0.2">
      <c r="A1" s="5" t="s">
        <v>378</v>
      </c>
      <c r="B1" s="5" t="s">
        <v>14</v>
      </c>
    </row>
    <row r="2" spans="1:2" s="4" customFormat="1" ht="38.25" x14ac:dyDescent="0.2">
      <c r="A2" s="49" t="s">
        <v>379</v>
      </c>
      <c r="B2" s="6" t="s">
        <v>19</v>
      </c>
    </row>
    <row r="3" spans="1:2" x14ac:dyDescent="0.2">
      <c r="B3" s="12"/>
    </row>
    <row r="4" spans="1:2" ht="15" x14ac:dyDescent="0.25">
      <c r="A4" s="47"/>
      <c r="B4" s="12"/>
    </row>
    <row r="5" spans="1:2" ht="15" x14ac:dyDescent="0.25">
      <c r="A5" s="48" t="s">
        <v>0</v>
      </c>
      <c r="B5" s="12"/>
    </row>
    <row r="6" spans="1:2" ht="15" x14ac:dyDescent="0.25">
      <c r="A6" s="48" t="s">
        <v>142</v>
      </c>
      <c r="B6" s="12"/>
    </row>
    <row r="7" spans="1:2" ht="15" x14ac:dyDescent="0.25">
      <c r="A7" s="48" t="s">
        <v>143</v>
      </c>
      <c r="B7" s="12"/>
    </row>
    <row r="8" spans="1:2" ht="15" x14ac:dyDescent="0.25">
      <c r="A8" s="48" t="s">
        <v>1</v>
      </c>
      <c r="B8" s="12"/>
    </row>
    <row r="9" spans="1:2" ht="15" x14ac:dyDescent="0.25">
      <c r="A9" s="48" t="s">
        <v>2</v>
      </c>
      <c r="B9" s="12"/>
    </row>
    <row r="10" spans="1:2" ht="15" x14ac:dyDescent="0.25">
      <c r="A10" s="48" t="s">
        <v>22</v>
      </c>
      <c r="B10" s="12"/>
    </row>
    <row r="11" spans="1:2" ht="15" x14ac:dyDescent="0.25">
      <c r="A11" s="48" t="s">
        <v>144</v>
      </c>
      <c r="B11" s="12"/>
    </row>
    <row r="12" spans="1:2" ht="15" x14ac:dyDescent="0.25">
      <c r="A12" s="48" t="s">
        <v>3</v>
      </c>
      <c r="B12" s="12"/>
    </row>
    <row r="13" spans="1:2" ht="15" x14ac:dyDescent="0.25">
      <c r="A13" s="48" t="s">
        <v>24</v>
      </c>
      <c r="B13" s="12"/>
    </row>
    <row r="14" spans="1:2" ht="15" x14ac:dyDescent="0.25">
      <c r="A14" s="48" t="s">
        <v>145</v>
      </c>
      <c r="B14" s="12"/>
    </row>
    <row r="15" spans="1:2" ht="15" x14ac:dyDescent="0.25">
      <c r="A15" s="48" t="s">
        <v>3</v>
      </c>
      <c r="B15" s="12"/>
    </row>
    <row r="16" spans="1:2" ht="15" x14ac:dyDescent="0.25">
      <c r="A16" s="48" t="s">
        <v>146</v>
      </c>
      <c r="B16" s="12"/>
    </row>
    <row r="17" spans="1:2" ht="15" x14ac:dyDescent="0.25">
      <c r="A17" s="48" t="s">
        <v>147</v>
      </c>
      <c r="B17" s="12"/>
    </row>
    <row r="18" spans="1:2" ht="15" x14ac:dyDescent="0.25">
      <c r="A18" s="48" t="s">
        <v>3</v>
      </c>
      <c r="B18" s="12"/>
    </row>
    <row r="19" spans="1:2" ht="15" x14ac:dyDescent="0.25">
      <c r="A19" s="48" t="s">
        <v>148</v>
      </c>
      <c r="B19" s="12"/>
    </row>
    <row r="20" spans="1:2" ht="15" x14ac:dyDescent="0.25">
      <c r="A20" s="48" t="s">
        <v>149</v>
      </c>
      <c r="B20" s="12"/>
    </row>
    <row r="21" spans="1:2" ht="15" x14ac:dyDescent="0.25">
      <c r="A21" s="48" t="s">
        <v>3</v>
      </c>
      <c r="B21" s="12"/>
    </row>
    <row r="22" spans="1:2" ht="15" x14ac:dyDescent="0.25">
      <c r="A22" s="48" t="s">
        <v>25</v>
      </c>
      <c r="B22" s="12"/>
    </row>
    <row r="23" spans="1:2" ht="15" x14ac:dyDescent="0.25">
      <c r="A23" s="48" t="s">
        <v>150</v>
      </c>
      <c r="B23" s="12"/>
    </row>
    <row r="24" spans="1:2" ht="15" x14ac:dyDescent="0.25">
      <c r="A24" s="48" t="s">
        <v>3</v>
      </c>
      <c r="B24" s="12"/>
    </row>
    <row r="25" spans="1:2" ht="15" x14ac:dyDescent="0.25">
      <c r="A25" s="48" t="s">
        <v>26</v>
      </c>
      <c r="B25" s="12"/>
    </row>
    <row r="26" spans="1:2" ht="15" x14ac:dyDescent="0.25">
      <c r="A26" s="48" t="s">
        <v>150</v>
      </c>
      <c r="B26" s="12"/>
    </row>
    <row r="27" spans="1:2" ht="15" x14ac:dyDescent="0.25">
      <c r="A27" s="48" t="s">
        <v>3</v>
      </c>
      <c r="B27" s="12"/>
    </row>
    <row r="28" spans="1:2" ht="15" x14ac:dyDescent="0.25">
      <c r="A28" s="48" t="s">
        <v>60</v>
      </c>
      <c r="B28" s="12"/>
    </row>
    <row r="29" spans="1:2" ht="15" x14ac:dyDescent="0.25">
      <c r="A29" s="48" t="s">
        <v>150</v>
      </c>
      <c r="B29" s="12"/>
    </row>
    <row r="30" spans="1:2" ht="15" x14ac:dyDescent="0.25">
      <c r="A30" s="48" t="s">
        <v>3</v>
      </c>
      <c r="B30" s="12"/>
    </row>
    <row r="31" spans="1:2" ht="15" x14ac:dyDescent="0.25">
      <c r="A31" s="48" t="s">
        <v>64</v>
      </c>
      <c r="B31" s="12"/>
    </row>
    <row r="32" spans="1:2" ht="15" x14ac:dyDescent="0.25">
      <c r="A32" s="48" t="s">
        <v>150</v>
      </c>
      <c r="B32" s="12"/>
    </row>
    <row r="33" spans="1:2" ht="15" x14ac:dyDescent="0.25">
      <c r="A33" s="48" t="s">
        <v>3</v>
      </c>
      <c r="B33" s="12"/>
    </row>
    <row r="34" spans="1:2" ht="15" x14ac:dyDescent="0.25">
      <c r="A34" s="48" t="s">
        <v>4</v>
      </c>
      <c r="B34" s="12"/>
    </row>
    <row r="35" spans="1:2" ht="15" x14ac:dyDescent="0.25">
      <c r="A35" s="48" t="s">
        <v>5</v>
      </c>
      <c r="B35" s="12"/>
    </row>
    <row r="36" spans="1:2" ht="15" x14ac:dyDescent="0.25">
      <c r="A36" s="48" t="s">
        <v>23</v>
      </c>
      <c r="B36" s="12"/>
    </row>
    <row r="37" spans="1:2" ht="15" x14ac:dyDescent="0.25">
      <c r="A37" s="48" t="s">
        <v>151</v>
      </c>
      <c r="B37" s="12"/>
    </row>
    <row r="38" spans="1:2" ht="15" x14ac:dyDescent="0.25">
      <c r="A38" s="48" t="s">
        <v>3</v>
      </c>
      <c r="B38" s="12"/>
    </row>
    <row r="39" spans="1:2" ht="15" x14ac:dyDescent="0.25">
      <c r="A39" s="48" t="s">
        <v>22</v>
      </c>
      <c r="B39" s="12"/>
    </row>
    <row r="40" spans="1:2" ht="15" x14ac:dyDescent="0.25">
      <c r="A40" s="48" t="s">
        <v>152</v>
      </c>
      <c r="B40" s="12"/>
    </row>
    <row r="41" spans="1:2" ht="15" x14ac:dyDescent="0.25">
      <c r="A41" s="48" t="s">
        <v>3</v>
      </c>
      <c r="B41" s="12"/>
    </row>
    <row r="42" spans="1:2" ht="15" x14ac:dyDescent="0.25">
      <c r="A42" s="48" t="s">
        <v>6</v>
      </c>
      <c r="B42" s="12"/>
    </row>
    <row r="43" spans="1:2" ht="15" x14ac:dyDescent="0.25">
      <c r="A43" s="48" t="s">
        <v>7</v>
      </c>
      <c r="B43" s="12"/>
    </row>
    <row r="44" spans="1:2" ht="15" x14ac:dyDescent="0.25">
      <c r="A44" s="19" t="s">
        <v>27</v>
      </c>
      <c r="B44" s="12"/>
    </row>
    <row r="45" spans="1:2" ht="15" x14ac:dyDescent="0.25">
      <c r="A45" s="48" t="s">
        <v>65</v>
      </c>
      <c r="B45" s="12"/>
    </row>
    <row r="46" spans="1:2" ht="15" x14ac:dyDescent="0.25">
      <c r="A46" s="48" t="s">
        <v>3</v>
      </c>
      <c r="B46" s="12"/>
    </row>
    <row r="47" spans="1:2" ht="15" x14ac:dyDescent="0.25">
      <c r="A47" s="48" t="s">
        <v>33</v>
      </c>
      <c r="B47" s="12"/>
    </row>
    <row r="48" spans="1:2" ht="15" x14ac:dyDescent="0.25">
      <c r="A48" s="48" t="s">
        <v>9</v>
      </c>
      <c r="B48" s="12"/>
    </row>
    <row r="49" spans="1:2" ht="15" x14ac:dyDescent="0.25">
      <c r="A49" s="48" t="s">
        <v>10</v>
      </c>
      <c r="B49" s="12"/>
    </row>
    <row r="50" spans="1:2" ht="15" x14ac:dyDescent="0.25">
      <c r="A50" s="48" t="s">
        <v>153</v>
      </c>
      <c r="B50" s="12"/>
    </row>
    <row r="51" spans="1:2" ht="15" x14ac:dyDescent="0.25">
      <c r="A51" s="48" t="s">
        <v>66</v>
      </c>
      <c r="B51" s="12"/>
    </row>
    <row r="52" spans="1:2" ht="15" x14ac:dyDescent="0.25">
      <c r="A52" s="48" t="s">
        <v>154</v>
      </c>
      <c r="B52" s="12"/>
    </row>
    <row r="53" spans="1:2" ht="15" x14ac:dyDescent="0.25">
      <c r="A53" s="48" t="s">
        <v>155</v>
      </c>
      <c r="B53" s="12"/>
    </row>
    <row r="54" spans="1:2" ht="15" x14ac:dyDescent="0.25">
      <c r="A54" s="48" t="s">
        <v>156</v>
      </c>
      <c r="B54" s="12"/>
    </row>
    <row r="55" spans="1:2" ht="15" x14ac:dyDescent="0.25">
      <c r="A55" s="48" t="s">
        <v>67</v>
      </c>
      <c r="B55" s="12"/>
    </row>
    <row r="56" spans="1:2" ht="15" x14ac:dyDescent="0.25">
      <c r="A56" s="48" t="s">
        <v>68</v>
      </c>
      <c r="B56" s="12"/>
    </row>
    <row r="57" spans="1:2" ht="15" x14ac:dyDescent="0.25">
      <c r="A57" s="48" t="s">
        <v>69</v>
      </c>
      <c r="B57" s="12"/>
    </row>
    <row r="58" spans="1:2" ht="15" x14ac:dyDescent="0.25">
      <c r="A58" s="48" t="s">
        <v>70</v>
      </c>
      <c r="B58" s="12"/>
    </row>
    <row r="59" spans="1:2" ht="15" x14ac:dyDescent="0.25">
      <c r="A59" s="48" t="s">
        <v>157</v>
      </c>
      <c r="B59" s="12"/>
    </row>
    <row r="60" spans="1:2" ht="15" x14ac:dyDescent="0.25">
      <c r="A60" s="43" t="s">
        <v>71</v>
      </c>
      <c r="B60" s="41"/>
    </row>
    <row r="61" spans="1:2" ht="15" x14ac:dyDescent="0.25">
      <c r="A61" s="44" t="s">
        <v>158</v>
      </c>
      <c r="B61" s="67"/>
    </row>
    <row r="62" spans="1:2" ht="15" x14ac:dyDescent="0.25">
      <c r="A62" s="44" t="s">
        <v>159</v>
      </c>
      <c r="B62" s="38" t="s">
        <v>112</v>
      </c>
    </row>
    <row r="63" spans="1:2" ht="15" x14ac:dyDescent="0.25">
      <c r="A63" s="44" t="s">
        <v>38</v>
      </c>
      <c r="B63" s="42"/>
    </row>
    <row r="64" spans="1:2" ht="15" x14ac:dyDescent="0.25">
      <c r="A64" s="44" t="s">
        <v>160</v>
      </c>
      <c r="B64" s="46"/>
    </row>
    <row r="65" spans="1:2" ht="15" x14ac:dyDescent="0.25">
      <c r="A65" s="44" t="s">
        <v>161</v>
      </c>
      <c r="B65" s="17"/>
    </row>
    <row r="66" spans="1:2" ht="15" x14ac:dyDescent="0.25">
      <c r="A66" s="44" t="s">
        <v>162</v>
      </c>
      <c r="B66" s="42"/>
    </row>
    <row r="67" spans="1:2" ht="15" x14ac:dyDescent="0.25">
      <c r="A67" s="44" t="s">
        <v>163</v>
      </c>
      <c r="B67" s="42"/>
    </row>
    <row r="68" spans="1:2" ht="15" x14ac:dyDescent="0.25">
      <c r="A68" s="44" t="s">
        <v>164</v>
      </c>
      <c r="B68" s="42"/>
    </row>
    <row r="69" spans="1:2" ht="15" x14ac:dyDescent="0.25">
      <c r="A69" s="44" t="s">
        <v>58</v>
      </c>
      <c r="B69" s="42"/>
    </row>
    <row r="70" spans="1:2" ht="15" x14ac:dyDescent="0.25">
      <c r="A70" s="44" t="s">
        <v>39</v>
      </c>
      <c r="B70" s="42"/>
    </row>
    <row r="71" spans="1:2" ht="15" x14ac:dyDescent="0.25">
      <c r="A71" s="44" t="s">
        <v>165</v>
      </c>
      <c r="B71" s="42"/>
    </row>
    <row r="72" spans="1:2" ht="15" x14ac:dyDescent="0.25">
      <c r="A72" s="44" t="s">
        <v>166</v>
      </c>
      <c r="B72" s="42"/>
    </row>
    <row r="73" spans="1:2" ht="15" x14ac:dyDescent="0.25">
      <c r="A73" s="44" t="s">
        <v>167</v>
      </c>
      <c r="B73" s="42"/>
    </row>
    <row r="74" spans="1:2" ht="15" x14ac:dyDescent="0.25">
      <c r="A74" s="44" t="s">
        <v>168</v>
      </c>
      <c r="B74" s="42"/>
    </row>
    <row r="75" spans="1:2" ht="15" x14ac:dyDescent="0.25">
      <c r="A75" s="44" t="s">
        <v>169</v>
      </c>
      <c r="B75" s="42"/>
    </row>
    <row r="76" spans="1:2" ht="15" x14ac:dyDescent="0.25">
      <c r="A76" s="44" t="s">
        <v>170</v>
      </c>
      <c r="B76" s="42"/>
    </row>
    <row r="77" spans="1:2" ht="15" x14ac:dyDescent="0.25">
      <c r="A77" s="44" t="s">
        <v>171</v>
      </c>
      <c r="B77" s="42"/>
    </row>
    <row r="78" spans="1:2" ht="15" x14ac:dyDescent="0.25">
      <c r="A78" s="44" t="s">
        <v>72</v>
      </c>
      <c r="B78" s="42"/>
    </row>
    <row r="79" spans="1:2" ht="15" x14ac:dyDescent="0.25">
      <c r="A79" s="45" t="s">
        <v>73</v>
      </c>
      <c r="B79" s="9"/>
    </row>
    <row r="80" spans="1:2" ht="15" x14ac:dyDescent="0.25">
      <c r="A80" s="43" t="s">
        <v>71</v>
      </c>
      <c r="B80" s="41"/>
    </row>
    <row r="81" spans="1:2" ht="15" x14ac:dyDescent="0.25">
      <c r="A81" s="44" t="s">
        <v>172</v>
      </c>
      <c r="B81" s="68" t="s">
        <v>308</v>
      </c>
    </row>
    <row r="82" spans="1:2" ht="15" x14ac:dyDescent="0.25">
      <c r="A82" s="44" t="s">
        <v>173</v>
      </c>
      <c r="B82" s="42"/>
    </row>
    <row r="83" spans="1:2" ht="15" x14ac:dyDescent="0.25">
      <c r="A83" s="44" t="s">
        <v>38</v>
      </c>
      <c r="B83" s="42"/>
    </row>
    <row r="84" spans="1:2" ht="15" x14ac:dyDescent="0.25">
      <c r="A84" s="44" t="s">
        <v>174</v>
      </c>
      <c r="B84" s="42"/>
    </row>
    <row r="85" spans="1:2" ht="15" x14ac:dyDescent="0.25">
      <c r="A85" s="44" t="s">
        <v>74</v>
      </c>
      <c r="B85" s="42"/>
    </row>
    <row r="86" spans="1:2" ht="15" x14ac:dyDescent="0.25">
      <c r="A86" s="44" t="s">
        <v>175</v>
      </c>
      <c r="B86" s="42"/>
    </row>
    <row r="87" spans="1:2" ht="15" x14ac:dyDescent="0.25">
      <c r="A87" s="44" t="s">
        <v>58</v>
      </c>
      <c r="B87" s="42"/>
    </row>
    <row r="88" spans="1:2" ht="15" x14ac:dyDescent="0.25">
      <c r="A88" s="44" t="s">
        <v>39</v>
      </c>
      <c r="B88" s="42"/>
    </row>
    <row r="89" spans="1:2" ht="15" x14ac:dyDescent="0.25">
      <c r="A89" s="44" t="s">
        <v>72</v>
      </c>
      <c r="B89" s="42"/>
    </row>
    <row r="90" spans="1:2" ht="15" x14ac:dyDescent="0.25">
      <c r="A90" s="44" t="s">
        <v>73</v>
      </c>
      <c r="B90" s="42"/>
    </row>
    <row r="91" spans="1:2" ht="15" x14ac:dyDescent="0.25">
      <c r="A91" s="44" t="s">
        <v>71</v>
      </c>
      <c r="B91" s="42"/>
    </row>
    <row r="92" spans="1:2" ht="15" x14ac:dyDescent="0.25">
      <c r="A92" s="44" t="s">
        <v>176</v>
      </c>
      <c r="B92" s="42"/>
    </row>
    <row r="93" spans="1:2" ht="15" x14ac:dyDescent="0.25">
      <c r="A93" s="44" t="s">
        <v>177</v>
      </c>
      <c r="B93" s="42"/>
    </row>
    <row r="94" spans="1:2" ht="15" x14ac:dyDescent="0.25">
      <c r="A94" s="44" t="s">
        <v>38</v>
      </c>
      <c r="B94" s="42"/>
    </row>
    <row r="95" spans="1:2" ht="15" x14ac:dyDescent="0.25">
      <c r="A95" s="44" t="s">
        <v>178</v>
      </c>
      <c r="B95" s="42"/>
    </row>
    <row r="96" spans="1:2" ht="15" x14ac:dyDescent="0.25">
      <c r="A96" s="44" t="s">
        <v>74</v>
      </c>
      <c r="B96" s="42"/>
    </row>
    <row r="97" spans="1:2" ht="15" x14ac:dyDescent="0.25">
      <c r="A97" s="44" t="s">
        <v>179</v>
      </c>
      <c r="B97" s="42"/>
    </row>
    <row r="98" spans="1:2" ht="15" x14ac:dyDescent="0.25">
      <c r="A98" s="44" t="s">
        <v>175</v>
      </c>
      <c r="B98" s="42"/>
    </row>
    <row r="99" spans="1:2" ht="15" x14ac:dyDescent="0.25">
      <c r="A99" s="44" t="s">
        <v>58</v>
      </c>
      <c r="B99" s="42"/>
    </row>
    <row r="100" spans="1:2" ht="15" x14ac:dyDescent="0.25">
      <c r="A100" s="44" t="s">
        <v>39</v>
      </c>
      <c r="B100" s="42"/>
    </row>
    <row r="101" spans="1:2" ht="15" x14ac:dyDescent="0.25">
      <c r="A101" s="44" t="s">
        <v>72</v>
      </c>
      <c r="B101" s="42"/>
    </row>
    <row r="102" spans="1:2" ht="15" x14ac:dyDescent="0.25">
      <c r="A102" s="45" t="s">
        <v>73</v>
      </c>
      <c r="B102" s="9"/>
    </row>
    <row r="103" spans="1:2" ht="15" x14ac:dyDescent="0.25">
      <c r="A103" s="69" t="s">
        <v>71</v>
      </c>
      <c r="B103" s="12"/>
    </row>
    <row r="104" spans="1:2" ht="15" x14ac:dyDescent="0.25">
      <c r="A104" s="70" t="s">
        <v>180</v>
      </c>
      <c r="B104" s="8"/>
    </row>
    <row r="105" spans="1:2" ht="15" x14ac:dyDescent="0.25">
      <c r="A105" s="51" t="s">
        <v>57</v>
      </c>
      <c r="B105" s="8"/>
    </row>
    <row r="106" spans="1:2" ht="15" x14ac:dyDescent="0.25">
      <c r="A106" s="51" t="s">
        <v>38</v>
      </c>
      <c r="B106" s="71"/>
    </row>
    <row r="107" spans="1:2" ht="15" x14ac:dyDescent="0.25">
      <c r="A107" s="51" t="s">
        <v>178</v>
      </c>
      <c r="B107" s="8"/>
    </row>
    <row r="108" spans="1:2" ht="15" x14ac:dyDescent="0.25">
      <c r="A108" s="51" t="s">
        <v>74</v>
      </c>
      <c r="B108" s="8"/>
    </row>
    <row r="109" spans="1:2" ht="15" x14ac:dyDescent="0.25">
      <c r="A109" s="51" t="s">
        <v>179</v>
      </c>
      <c r="B109" s="8"/>
    </row>
    <row r="110" spans="1:2" ht="15" x14ac:dyDescent="0.25">
      <c r="A110" s="51" t="s">
        <v>175</v>
      </c>
      <c r="B110" s="71"/>
    </row>
    <row r="111" spans="1:2" ht="15" x14ac:dyDescent="0.25">
      <c r="A111" s="51" t="s">
        <v>58</v>
      </c>
      <c r="B111" s="8"/>
    </row>
    <row r="112" spans="1:2" ht="15" x14ac:dyDescent="0.25">
      <c r="A112" s="51" t="s">
        <v>39</v>
      </c>
      <c r="B112" s="8"/>
    </row>
    <row r="113" spans="1:3" ht="15" x14ac:dyDescent="0.25">
      <c r="A113" s="51" t="s">
        <v>72</v>
      </c>
      <c r="B113" s="8"/>
    </row>
    <row r="114" spans="1:3" ht="15" x14ac:dyDescent="0.25">
      <c r="A114" s="51" t="s">
        <v>73</v>
      </c>
      <c r="B114" s="8"/>
    </row>
    <row r="115" spans="1:3" ht="15" x14ac:dyDescent="0.25">
      <c r="A115" s="51" t="s">
        <v>75</v>
      </c>
      <c r="B115" s="8"/>
    </row>
    <row r="116" spans="1:3" ht="15" x14ac:dyDescent="0.25">
      <c r="A116" s="43" t="s">
        <v>181</v>
      </c>
      <c r="B116" s="41"/>
    </row>
    <row r="117" spans="1:3" ht="15" x14ac:dyDescent="0.25">
      <c r="A117" s="44" t="s">
        <v>177</v>
      </c>
      <c r="B117" s="68" t="s">
        <v>113</v>
      </c>
    </row>
    <row r="118" spans="1:3" ht="15" x14ac:dyDescent="0.25">
      <c r="A118" s="44" t="s">
        <v>38</v>
      </c>
      <c r="B118" s="42"/>
    </row>
    <row r="119" spans="1:3" ht="15" x14ac:dyDescent="0.25">
      <c r="A119" s="44" t="s">
        <v>178</v>
      </c>
      <c r="B119" s="42"/>
    </row>
    <row r="120" spans="1:3" ht="15" x14ac:dyDescent="0.25">
      <c r="A120" s="44" t="s">
        <v>74</v>
      </c>
      <c r="B120" s="42"/>
    </row>
    <row r="121" spans="1:3" ht="15" x14ac:dyDescent="0.25">
      <c r="A121" s="44" t="s">
        <v>179</v>
      </c>
      <c r="B121" s="42"/>
      <c r="C121" s="8"/>
    </row>
    <row r="122" spans="1:3" ht="15" x14ac:dyDescent="0.25">
      <c r="A122" s="44" t="s">
        <v>175</v>
      </c>
      <c r="B122" s="42"/>
    </row>
    <row r="123" spans="1:3" ht="15" x14ac:dyDescent="0.25">
      <c r="A123" s="44" t="s">
        <v>58</v>
      </c>
      <c r="B123" s="46"/>
    </row>
    <row r="124" spans="1:3" ht="15" x14ac:dyDescent="0.25">
      <c r="A124" s="44" t="s">
        <v>39</v>
      </c>
      <c r="B124" s="42"/>
    </row>
    <row r="125" spans="1:3" ht="15" x14ac:dyDescent="0.25">
      <c r="A125" s="44" t="s">
        <v>182</v>
      </c>
      <c r="B125" s="42"/>
    </row>
    <row r="126" spans="1:3" ht="15" x14ac:dyDescent="0.25">
      <c r="A126" s="44" t="s">
        <v>165</v>
      </c>
      <c r="B126" s="42"/>
    </row>
    <row r="127" spans="1:3" ht="15" x14ac:dyDescent="0.25">
      <c r="A127" s="44" t="s">
        <v>166</v>
      </c>
      <c r="B127" s="46"/>
    </row>
    <row r="128" spans="1:3" ht="15" x14ac:dyDescent="0.25">
      <c r="A128" s="44" t="s">
        <v>167</v>
      </c>
      <c r="B128" s="42"/>
    </row>
    <row r="129" spans="1:2" ht="15" x14ac:dyDescent="0.25">
      <c r="A129" s="44" t="s">
        <v>183</v>
      </c>
      <c r="B129" s="42"/>
    </row>
    <row r="130" spans="1:2" ht="15" x14ac:dyDescent="0.25">
      <c r="A130" s="44" t="s">
        <v>184</v>
      </c>
      <c r="B130" s="42"/>
    </row>
    <row r="131" spans="1:2" ht="15" x14ac:dyDescent="0.25">
      <c r="A131" s="44" t="s">
        <v>170</v>
      </c>
      <c r="B131" s="42"/>
    </row>
    <row r="132" spans="1:2" ht="15" x14ac:dyDescent="0.25">
      <c r="A132" s="44" t="s">
        <v>171</v>
      </c>
      <c r="B132" s="42"/>
    </row>
    <row r="133" spans="1:2" ht="15" x14ac:dyDescent="0.25">
      <c r="A133" s="45" t="s">
        <v>72</v>
      </c>
      <c r="B133" s="9"/>
    </row>
    <row r="134" spans="1:2" ht="15" x14ac:dyDescent="0.25">
      <c r="A134" s="43" t="s">
        <v>185</v>
      </c>
      <c r="B134" s="41"/>
    </row>
    <row r="135" spans="1:2" ht="15" x14ac:dyDescent="0.25">
      <c r="A135" s="44" t="s">
        <v>159</v>
      </c>
      <c r="B135" s="42"/>
    </row>
    <row r="136" spans="1:2" ht="15" x14ac:dyDescent="0.25">
      <c r="A136" s="44" t="s">
        <v>38</v>
      </c>
      <c r="B136" s="68"/>
    </row>
    <row r="137" spans="1:2" ht="15" x14ac:dyDescent="0.25">
      <c r="A137" s="44" t="s">
        <v>160</v>
      </c>
      <c r="B137" s="42"/>
    </row>
    <row r="138" spans="1:2" ht="15" x14ac:dyDescent="0.25">
      <c r="A138" s="44" t="s">
        <v>161</v>
      </c>
      <c r="B138" s="42"/>
    </row>
    <row r="139" spans="1:2" ht="15" x14ac:dyDescent="0.25">
      <c r="A139" s="44" t="s">
        <v>162</v>
      </c>
      <c r="B139" s="42"/>
    </row>
    <row r="140" spans="1:2" ht="15" x14ac:dyDescent="0.25">
      <c r="A140" s="44" t="s">
        <v>163</v>
      </c>
      <c r="B140" s="42"/>
    </row>
    <row r="141" spans="1:2" ht="15" x14ac:dyDescent="0.25">
      <c r="A141" s="44" t="s">
        <v>164</v>
      </c>
      <c r="B141" s="42"/>
    </row>
    <row r="142" spans="1:2" ht="15" x14ac:dyDescent="0.25">
      <c r="A142" s="44" t="s">
        <v>58</v>
      </c>
      <c r="B142" s="42"/>
    </row>
    <row r="143" spans="1:2" ht="15" x14ac:dyDescent="0.25">
      <c r="A143" s="44" t="s">
        <v>39</v>
      </c>
      <c r="B143" s="42"/>
    </row>
    <row r="144" spans="1:2" ht="15" x14ac:dyDescent="0.25">
      <c r="A144" s="44" t="s">
        <v>165</v>
      </c>
      <c r="B144" s="42"/>
    </row>
    <row r="145" spans="1:2" ht="15" x14ac:dyDescent="0.25">
      <c r="A145" s="44" t="s">
        <v>166</v>
      </c>
      <c r="B145" s="42"/>
    </row>
    <row r="146" spans="1:2" ht="15" x14ac:dyDescent="0.25">
      <c r="A146" s="44" t="s">
        <v>167</v>
      </c>
      <c r="B146" s="42"/>
    </row>
    <row r="147" spans="1:2" ht="15" x14ac:dyDescent="0.25">
      <c r="A147" s="44" t="s">
        <v>168</v>
      </c>
      <c r="B147" s="42"/>
    </row>
    <row r="148" spans="1:2" ht="15" x14ac:dyDescent="0.25">
      <c r="A148" s="44" t="s">
        <v>169</v>
      </c>
      <c r="B148" s="42"/>
    </row>
    <row r="149" spans="1:2" ht="15" x14ac:dyDescent="0.25">
      <c r="A149" s="44" t="s">
        <v>170</v>
      </c>
      <c r="B149" s="42"/>
    </row>
    <row r="150" spans="1:2" ht="15" x14ac:dyDescent="0.25">
      <c r="A150" s="44" t="s">
        <v>171</v>
      </c>
      <c r="B150" s="42"/>
    </row>
    <row r="151" spans="1:2" ht="15" x14ac:dyDescent="0.25">
      <c r="A151" s="45" t="s">
        <v>72</v>
      </c>
      <c r="B151" s="9"/>
    </row>
    <row r="152" spans="1:2" ht="15" x14ac:dyDescent="0.25">
      <c r="A152" s="50" t="s">
        <v>76</v>
      </c>
      <c r="B152" s="12"/>
    </row>
    <row r="153" spans="1:2" ht="15" x14ac:dyDescent="0.25">
      <c r="A153" s="51" t="s">
        <v>186</v>
      </c>
      <c r="B153" s="12"/>
    </row>
    <row r="154" spans="1:2" ht="15" x14ac:dyDescent="0.25">
      <c r="A154" s="70" t="s">
        <v>115</v>
      </c>
      <c r="B154" s="12"/>
    </row>
    <row r="155" spans="1:2" ht="15" x14ac:dyDescent="0.25">
      <c r="A155" s="70" t="s">
        <v>187</v>
      </c>
      <c r="B155" s="12"/>
    </row>
    <row r="156" spans="1:2" ht="15" x14ac:dyDescent="0.25">
      <c r="A156" s="70" t="s">
        <v>188</v>
      </c>
      <c r="B156" s="12"/>
    </row>
    <row r="157" spans="1:2" ht="15" x14ac:dyDescent="0.25">
      <c r="A157" s="70" t="s">
        <v>189</v>
      </c>
      <c r="B157" s="12"/>
    </row>
    <row r="158" spans="1:2" ht="15" x14ac:dyDescent="0.25">
      <c r="A158" s="70" t="s">
        <v>77</v>
      </c>
      <c r="B158" s="12"/>
    </row>
    <row r="159" spans="1:2" ht="15" x14ac:dyDescent="0.25">
      <c r="A159" s="72" t="s">
        <v>78</v>
      </c>
      <c r="B159" s="12"/>
    </row>
    <row r="160" spans="1:2" ht="15" x14ac:dyDescent="0.25">
      <c r="A160" s="70" t="s">
        <v>79</v>
      </c>
      <c r="B160" s="12"/>
    </row>
    <row r="161" spans="1:2" ht="15" x14ac:dyDescent="0.25">
      <c r="A161" s="70" t="s">
        <v>190</v>
      </c>
      <c r="B161" s="12"/>
    </row>
    <row r="162" spans="1:2" ht="15" x14ac:dyDescent="0.25">
      <c r="A162" s="70" t="s">
        <v>191</v>
      </c>
      <c r="B162" s="12"/>
    </row>
    <row r="163" spans="1:2" ht="15" x14ac:dyDescent="0.25">
      <c r="A163" s="70" t="s">
        <v>116</v>
      </c>
      <c r="B163" s="12"/>
    </row>
    <row r="164" spans="1:2" ht="15" x14ac:dyDescent="0.25">
      <c r="A164" s="70" t="s">
        <v>192</v>
      </c>
      <c r="B164" s="12"/>
    </row>
    <row r="165" spans="1:2" ht="15" x14ac:dyDescent="0.25">
      <c r="A165" s="70" t="s">
        <v>80</v>
      </c>
      <c r="B165" s="12"/>
    </row>
    <row r="166" spans="1:2" ht="15" x14ac:dyDescent="0.25">
      <c r="A166" s="70" t="s">
        <v>193</v>
      </c>
      <c r="B166" s="12"/>
    </row>
    <row r="167" spans="1:2" ht="15" x14ac:dyDescent="0.25">
      <c r="A167" s="70" t="s">
        <v>11</v>
      </c>
      <c r="B167" s="12"/>
    </row>
    <row r="168" spans="1:2" ht="15" x14ac:dyDescent="0.25">
      <c r="A168" s="70" t="s">
        <v>48</v>
      </c>
      <c r="B168" s="12"/>
    </row>
    <row r="169" spans="1:2" ht="15" x14ac:dyDescent="0.25">
      <c r="A169" s="70" t="s">
        <v>194</v>
      </c>
      <c r="B169" s="12"/>
    </row>
    <row r="170" spans="1:2" ht="15" x14ac:dyDescent="0.25">
      <c r="A170" s="70" t="s">
        <v>49</v>
      </c>
      <c r="B170" s="12"/>
    </row>
    <row r="171" spans="1:2" ht="15" x14ac:dyDescent="0.25">
      <c r="A171" s="70" t="s">
        <v>81</v>
      </c>
      <c r="B171" s="12"/>
    </row>
    <row r="172" spans="1:2" ht="15" x14ac:dyDescent="0.25">
      <c r="A172" s="70" t="s">
        <v>82</v>
      </c>
      <c r="B172" s="12"/>
    </row>
    <row r="173" spans="1:2" ht="15" x14ac:dyDescent="0.25">
      <c r="A173" s="70" t="s">
        <v>195</v>
      </c>
      <c r="B173" s="12"/>
    </row>
    <row r="174" spans="1:2" ht="15" x14ac:dyDescent="0.25">
      <c r="A174" s="70" t="s">
        <v>83</v>
      </c>
      <c r="B174" s="12"/>
    </row>
    <row r="175" spans="1:2" ht="15" x14ac:dyDescent="0.25">
      <c r="A175" s="70" t="s">
        <v>196</v>
      </c>
      <c r="B175" s="12"/>
    </row>
    <row r="176" spans="1:2" ht="15" x14ac:dyDescent="0.25">
      <c r="A176" s="70" t="s">
        <v>197</v>
      </c>
      <c r="B176" s="12"/>
    </row>
    <row r="177" spans="1:2" ht="15" x14ac:dyDescent="0.25">
      <c r="A177" s="70" t="s">
        <v>198</v>
      </c>
      <c r="B177" s="12"/>
    </row>
    <row r="178" spans="1:2" ht="15" x14ac:dyDescent="0.25">
      <c r="A178" s="70" t="s">
        <v>199</v>
      </c>
      <c r="B178" s="12"/>
    </row>
    <row r="179" spans="1:2" ht="15" x14ac:dyDescent="0.25">
      <c r="A179" s="70" t="s">
        <v>200</v>
      </c>
      <c r="B179" s="12"/>
    </row>
    <row r="180" spans="1:2" ht="15" x14ac:dyDescent="0.25">
      <c r="A180" s="70" t="s">
        <v>84</v>
      </c>
      <c r="B180" s="12"/>
    </row>
    <row r="181" spans="1:2" ht="15" x14ac:dyDescent="0.25">
      <c r="A181" s="70" t="s">
        <v>85</v>
      </c>
      <c r="B181" s="12"/>
    </row>
    <row r="182" spans="1:2" ht="15" x14ac:dyDescent="0.25">
      <c r="A182" s="70" t="s">
        <v>201</v>
      </c>
      <c r="B182" s="12"/>
    </row>
    <row r="183" spans="1:2" ht="15" x14ac:dyDescent="0.25">
      <c r="A183" s="70" t="s">
        <v>86</v>
      </c>
      <c r="B183" s="12"/>
    </row>
    <row r="184" spans="1:2" ht="15" x14ac:dyDescent="0.25">
      <c r="A184" s="70" t="s">
        <v>202</v>
      </c>
      <c r="B184" s="12"/>
    </row>
    <row r="185" spans="1:2" ht="15" x14ac:dyDescent="0.25">
      <c r="A185" s="70" t="s">
        <v>203</v>
      </c>
      <c r="B185" s="12"/>
    </row>
    <row r="186" spans="1:2" ht="15" x14ac:dyDescent="0.25">
      <c r="A186" s="70" t="s">
        <v>204</v>
      </c>
      <c r="B186" s="12"/>
    </row>
    <row r="187" spans="1:2" ht="15" x14ac:dyDescent="0.25">
      <c r="A187" s="70" t="s">
        <v>205</v>
      </c>
      <c r="B187" s="12"/>
    </row>
    <row r="188" spans="1:2" ht="15" x14ac:dyDescent="0.25">
      <c r="A188" s="70" t="s">
        <v>206</v>
      </c>
      <c r="B188" s="12"/>
    </row>
    <row r="189" spans="1:2" ht="15" x14ac:dyDescent="0.25">
      <c r="A189" s="70" t="s">
        <v>207</v>
      </c>
      <c r="B189" s="12"/>
    </row>
    <row r="190" spans="1:2" ht="15" x14ac:dyDescent="0.25">
      <c r="A190" s="70" t="s">
        <v>208</v>
      </c>
      <c r="B190" s="12"/>
    </row>
    <row r="191" spans="1:2" ht="15" x14ac:dyDescent="0.25">
      <c r="A191" s="70" t="s">
        <v>209</v>
      </c>
      <c r="B191" s="12"/>
    </row>
    <row r="192" spans="1:2" ht="15" x14ac:dyDescent="0.25">
      <c r="A192" s="70" t="s">
        <v>210</v>
      </c>
      <c r="B192" s="12"/>
    </row>
    <row r="193" spans="1:2" ht="15" x14ac:dyDescent="0.25">
      <c r="A193" s="70" t="s">
        <v>211</v>
      </c>
      <c r="B193" s="12"/>
    </row>
    <row r="194" spans="1:2" ht="15" x14ac:dyDescent="0.25">
      <c r="A194" s="70" t="s">
        <v>212</v>
      </c>
      <c r="B194" s="12"/>
    </row>
    <row r="195" spans="1:2" ht="15" x14ac:dyDescent="0.25">
      <c r="A195" s="70" t="s">
        <v>213</v>
      </c>
      <c r="B195" s="12"/>
    </row>
    <row r="196" spans="1:2" ht="15" x14ac:dyDescent="0.25">
      <c r="A196" s="70" t="s">
        <v>214</v>
      </c>
      <c r="B196" s="12"/>
    </row>
    <row r="197" spans="1:2" ht="15" x14ac:dyDescent="0.25">
      <c r="A197" s="70" t="s">
        <v>87</v>
      </c>
      <c r="B197" s="12"/>
    </row>
    <row r="198" spans="1:2" ht="15" x14ac:dyDescent="0.25">
      <c r="A198" s="70" t="s">
        <v>215</v>
      </c>
      <c r="B198" s="12"/>
    </row>
    <row r="199" spans="1:2" ht="15" x14ac:dyDescent="0.25">
      <c r="A199" s="70" t="s">
        <v>88</v>
      </c>
      <c r="B199" s="12"/>
    </row>
    <row r="200" spans="1:2" ht="15" x14ac:dyDescent="0.25">
      <c r="A200" s="70" t="s">
        <v>89</v>
      </c>
      <c r="B200" s="12"/>
    </row>
    <row r="201" spans="1:2" ht="15" x14ac:dyDescent="0.25">
      <c r="A201" s="70" t="s">
        <v>215</v>
      </c>
      <c r="B201" s="12"/>
    </row>
    <row r="202" spans="1:2" ht="15" x14ac:dyDescent="0.25">
      <c r="A202" s="70" t="s">
        <v>90</v>
      </c>
      <c r="B202" s="12"/>
    </row>
    <row r="203" spans="1:2" ht="15" x14ac:dyDescent="0.25">
      <c r="A203" s="70" t="s">
        <v>216</v>
      </c>
      <c r="B203" s="12"/>
    </row>
    <row r="204" spans="1:2" ht="15" x14ac:dyDescent="0.25">
      <c r="A204" s="70" t="s">
        <v>217</v>
      </c>
      <c r="B204" s="12"/>
    </row>
    <row r="205" spans="1:2" ht="15" x14ac:dyDescent="0.25">
      <c r="A205" s="70" t="s">
        <v>218</v>
      </c>
      <c r="B205" s="12"/>
    </row>
    <row r="206" spans="1:2" ht="15" x14ac:dyDescent="0.25">
      <c r="A206" s="70" t="s">
        <v>219</v>
      </c>
      <c r="B206" s="12"/>
    </row>
    <row r="207" spans="1:2" ht="15" x14ac:dyDescent="0.25">
      <c r="A207" s="70" t="s">
        <v>220</v>
      </c>
      <c r="B207" s="12"/>
    </row>
    <row r="208" spans="1:2" ht="15" x14ac:dyDescent="0.25">
      <c r="A208" s="70" t="s">
        <v>221</v>
      </c>
      <c r="B208" s="12"/>
    </row>
    <row r="209" spans="1:2" ht="15" x14ac:dyDescent="0.25">
      <c r="A209" s="70" t="s">
        <v>222</v>
      </c>
      <c r="B209" s="12"/>
    </row>
    <row r="210" spans="1:2" ht="15" x14ac:dyDescent="0.25">
      <c r="A210" s="70" t="s">
        <v>223</v>
      </c>
      <c r="B210" s="12"/>
    </row>
    <row r="211" spans="1:2" ht="15" x14ac:dyDescent="0.25">
      <c r="A211" s="70" t="s">
        <v>224</v>
      </c>
      <c r="B211" s="12"/>
    </row>
    <row r="212" spans="1:2" ht="15" x14ac:dyDescent="0.25">
      <c r="A212" s="70" t="s">
        <v>221</v>
      </c>
      <c r="B212" s="12"/>
    </row>
    <row r="213" spans="1:2" ht="15" x14ac:dyDescent="0.25">
      <c r="A213" s="70" t="s">
        <v>225</v>
      </c>
      <c r="B213" s="12"/>
    </row>
    <row r="214" spans="1:2" ht="15" x14ac:dyDescent="0.25">
      <c r="A214" s="70" t="s">
        <v>226</v>
      </c>
      <c r="B214" s="12"/>
    </row>
    <row r="215" spans="1:2" ht="15" x14ac:dyDescent="0.25">
      <c r="A215" s="70" t="s">
        <v>224</v>
      </c>
      <c r="B215" s="12"/>
    </row>
    <row r="216" spans="1:2" ht="15" x14ac:dyDescent="0.25">
      <c r="A216" s="70" t="s">
        <v>221</v>
      </c>
      <c r="B216" s="12"/>
    </row>
    <row r="217" spans="1:2" ht="15" x14ac:dyDescent="0.25">
      <c r="A217" s="70" t="s">
        <v>227</v>
      </c>
      <c r="B217" s="12"/>
    </row>
    <row r="218" spans="1:2" x14ac:dyDescent="0.2">
      <c r="A218" s="73" t="s">
        <v>228</v>
      </c>
      <c r="B218" s="12"/>
    </row>
    <row r="219" spans="1:2" x14ac:dyDescent="0.2">
      <c r="A219" s="73" t="s">
        <v>229</v>
      </c>
      <c r="B219" s="12"/>
    </row>
    <row r="220" spans="1:2" x14ac:dyDescent="0.2">
      <c r="A220" s="73" t="s">
        <v>230</v>
      </c>
      <c r="B220" s="12"/>
    </row>
    <row r="221" spans="1:2" x14ac:dyDescent="0.2">
      <c r="A221" s="73" t="s">
        <v>231</v>
      </c>
      <c r="B221" s="12"/>
    </row>
    <row r="222" spans="1:2" x14ac:dyDescent="0.2">
      <c r="A222" s="73" t="s">
        <v>232</v>
      </c>
      <c r="B222" s="12"/>
    </row>
    <row r="223" spans="1:2" x14ac:dyDescent="0.2">
      <c r="A223" s="73" t="s">
        <v>233</v>
      </c>
      <c r="B223" s="12"/>
    </row>
    <row r="224" spans="1:2" x14ac:dyDescent="0.2">
      <c r="A224" s="73" t="s">
        <v>234</v>
      </c>
      <c r="B224" s="12"/>
    </row>
    <row r="225" spans="1:2" x14ac:dyDescent="0.2">
      <c r="A225" s="73" t="s">
        <v>235</v>
      </c>
      <c r="B225" s="12"/>
    </row>
    <row r="226" spans="1:2" x14ac:dyDescent="0.2">
      <c r="A226" s="73" t="s">
        <v>236</v>
      </c>
      <c r="B226" s="12"/>
    </row>
    <row r="227" spans="1:2" x14ac:dyDescent="0.2">
      <c r="A227" s="73" t="s">
        <v>237</v>
      </c>
      <c r="B227" s="12"/>
    </row>
    <row r="228" spans="1:2" x14ac:dyDescent="0.2">
      <c r="A228" s="73" t="s">
        <v>91</v>
      </c>
      <c r="B228" s="12"/>
    </row>
    <row r="229" spans="1:2" x14ac:dyDescent="0.2">
      <c r="A229" s="73" t="s">
        <v>92</v>
      </c>
      <c r="B229" s="12"/>
    </row>
    <row r="230" spans="1:2" x14ac:dyDescent="0.2">
      <c r="A230" s="73" t="s">
        <v>93</v>
      </c>
      <c r="B230" s="12"/>
    </row>
    <row r="231" spans="1:2" x14ac:dyDescent="0.2">
      <c r="A231" s="73" t="s">
        <v>94</v>
      </c>
      <c r="B231" s="12"/>
    </row>
    <row r="232" spans="1:2" x14ac:dyDescent="0.2">
      <c r="A232" s="73" t="s">
        <v>238</v>
      </c>
      <c r="B232" s="12"/>
    </row>
    <row r="233" spans="1:2" x14ac:dyDescent="0.2">
      <c r="A233" s="73" t="s">
        <v>95</v>
      </c>
      <c r="B233" s="12"/>
    </row>
    <row r="234" spans="1:2" x14ac:dyDescent="0.2">
      <c r="A234" s="73" t="s">
        <v>96</v>
      </c>
      <c r="B234" s="12"/>
    </row>
    <row r="235" spans="1:2" x14ac:dyDescent="0.2">
      <c r="A235" s="73" t="s">
        <v>239</v>
      </c>
      <c r="B235" s="12"/>
    </row>
    <row r="236" spans="1:2" x14ac:dyDescent="0.2">
      <c r="A236" s="73" t="s">
        <v>240</v>
      </c>
      <c r="B236" s="12"/>
    </row>
    <row r="237" spans="1:2" x14ac:dyDescent="0.2">
      <c r="A237" s="73" t="s">
        <v>241</v>
      </c>
      <c r="B237" s="12"/>
    </row>
    <row r="238" spans="1:2" x14ac:dyDescent="0.2">
      <c r="A238" s="73" t="s">
        <v>242</v>
      </c>
      <c r="B238" s="12"/>
    </row>
    <row r="239" spans="1:2" x14ac:dyDescent="0.2">
      <c r="A239" s="73" t="s">
        <v>98</v>
      </c>
      <c r="B239" s="12"/>
    </row>
    <row r="240" spans="1:2" x14ac:dyDescent="0.2">
      <c r="A240" s="73" t="s">
        <v>229</v>
      </c>
      <c r="B240" s="12"/>
    </row>
    <row r="241" spans="1:2" x14ac:dyDescent="0.2">
      <c r="A241" s="73" t="s">
        <v>99</v>
      </c>
      <c r="B241" s="12"/>
    </row>
    <row r="242" spans="1:2" x14ac:dyDescent="0.2">
      <c r="A242" s="73" t="s">
        <v>100</v>
      </c>
      <c r="B242" s="12"/>
    </row>
    <row r="243" spans="1:2" x14ac:dyDescent="0.2">
      <c r="A243" s="73" t="s">
        <v>243</v>
      </c>
      <c r="B243" s="12"/>
    </row>
    <row r="244" spans="1:2" x14ac:dyDescent="0.2">
      <c r="A244" s="73" t="s">
        <v>101</v>
      </c>
      <c r="B244" s="12"/>
    </row>
    <row r="245" spans="1:2" x14ac:dyDescent="0.2">
      <c r="A245" s="73" t="s">
        <v>244</v>
      </c>
      <c r="B245" s="12"/>
    </row>
    <row r="246" spans="1:2" x14ac:dyDescent="0.2">
      <c r="A246" s="73" t="s">
        <v>102</v>
      </c>
      <c r="B246" s="12"/>
    </row>
    <row r="247" spans="1:2" x14ac:dyDescent="0.2">
      <c r="A247" s="73" t="s">
        <v>103</v>
      </c>
      <c r="B247" s="12"/>
    </row>
    <row r="248" spans="1:2" x14ac:dyDescent="0.2">
      <c r="A248" s="73" t="s">
        <v>245</v>
      </c>
      <c r="B248" s="12"/>
    </row>
    <row r="249" spans="1:2" x14ac:dyDescent="0.2">
      <c r="A249" s="73" t="s">
        <v>246</v>
      </c>
      <c r="B249" s="12"/>
    </row>
    <row r="250" spans="1:2" x14ac:dyDescent="0.2">
      <c r="A250" s="73" t="s">
        <v>247</v>
      </c>
      <c r="B250" s="12"/>
    </row>
    <row r="251" spans="1:2" x14ac:dyDescent="0.2">
      <c r="A251" s="73" t="s">
        <v>248</v>
      </c>
      <c r="B251" s="12"/>
    </row>
    <row r="252" spans="1:2" x14ac:dyDescent="0.2">
      <c r="A252" s="73" t="s">
        <v>246</v>
      </c>
      <c r="B252" s="12"/>
    </row>
    <row r="253" spans="1:2" x14ac:dyDescent="0.2">
      <c r="A253" s="73" t="s">
        <v>249</v>
      </c>
      <c r="B253" s="12"/>
    </row>
    <row r="254" spans="1:2" x14ac:dyDescent="0.2">
      <c r="A254" s="73" t="s">
        <v>104</v>
      </c>
      <c r="B254" s="12"/>
    </row>
    <row r="255" spans="1:2" x14ac:dyDescent="0.2">
      <c r="A255" s="73" t="s">
        <v>250</v>
      </c>
      <c r="B255" s="12"/>
    </row>
    <row r="256" spans="1:2" x14ac:dyDescent="0.2">
      <c r="A256" s="73" t="s">
        <v>105</v>
      </c>
      <c r="B256" s="12"/>
    </row>
    <row r="257" spans="1:2" x14ac:dyDescent="0.2">
      <c r="A257" s="73" t="s">
        <v>251</v>
      </c>
      <c r="B257" s="12"/>
    </row>
    <row r="258" spans="1:2" x14ac:dyDescent="0.2">
      <c r="A258" s="73" t="s">
        <v>246</v>
      </c>
      <c r="B258" s="12"/>
    </row>
    <row r="259" spans="1:2" x14ac:dyDescent="0.2">
      <c r="A259" s="73" t="s">
        <v>252</v>
      </c>
      <c r="B259" s="12"/>
    </row>
    <row r="260" spans="1:2" x14ac:dyDescent="0.2">
      <c r="A260" s="73" t="s">
        <v>253</v>
      </c>
      <c r="B260" s="12"/>
    </row>
    <row r="261" spans="1:2" x14ac:dyDescent="0.2">
      <c r="A261" s="73" t="s">
        <v>246</v>
      </c>
      <c r="B261" s="12"/>
    </row>
    <row r="262" spans="1:2" x14ac:dyDescent="0.2">
      <c r="A262" s="73" t="s">
        <v>254</v>
      </c>
      <c r="B262" s="12"/>
    </row>
    <row r="263" spans="1:2" x14ac:dyDescent="0.2">
      <c r="A263" s="73" t="s">
        <v>106</v>
      </c>
      <c r="B263" s="12"/>
    </row>
    <row r="264" spans="1:2" x14ac:dyDescent="0.2">
      <c r="A264" s="73" t="s">
        <v>250</v>
      </c>
      <c r="B264" s="12"/>
    </row>
    <row r="265" spans="1:2" x14ac:dyDescent="0.2">
      <c r="A265" s="73" t="s">
        <v>107</v>
      </c>
      <c r="B265" s="12"/>
    </row>
    <row r="266" spans="1:2" x14ac:dyDescent="0.2">
      <c r="A266" s="73" t="s">
        <v>108</v>
      </c>
      <c r="B266" s="12"/>
    </row>
    <row r="267" spans="1:2" x14ac:dyDescent="0.2">
      <c r="A267" s="73" t="s">
        <v>250</v>
      </c>
      <c r="B267" s="12"/>
    </row>
    <row r="268" spans="1:2" x14ac:dyDescent="0.2">
      <c r="A268" s="73" t="s">
        <v>109</v>
      </c>
      <c r="B268" s="12"/>
    </row>
    <row r="269" spans="1:2" x14ac:dyDescent="0.2">
      <c r="A269" s="73" t="s">
        <v>110</v>
      </c>
      <c r="B269" s="12"/>
    </row>
    <row r="270" spans="1:2" x14ac:dyDescent="0.2">
      <c r="A270" s="73" t="s">
        <v>111</v>
      </c>
      <c r="B270" s="12"/>
    </row>
    <row r="271" spans="1:2" x14ac:dyDescent="0.2">
      <c r="A271" s="73" t="s">
        <v>12</v>
      </c>
      <c r="B271" s="12"/>
    </row>
    <row r="272" spans="1:2" x14ac:dyDescent="0.2">
      <c r="A272" s="74" t="s">
        <v>13</v>
      </c>
      <c r="B272" s="12"/>
    </row>
    <row r="273" spans="2:2" x14ac:dyDescent="0.2">
      <c r="B273" s="12"/>
    </row>
    <row r="274" spans="2:2" x14ac:dyDescent="0.2">
      <c r="B274" s="12"/>
    </row>
    <row r="275" spans="2:2" x14ac:dyDescent="0.2">
      <c r="B275" s="12"/>
    </row>
    <row r="276" spans="2:2" x14ac:dyDescent="0.2">
      <c r="B276" s="12"/>
    </row>
    <row r="277" spans="2:2" x14ac:dyDescent="0.2">
      <c r="B277" s="12"/>
    </row>
    <row r="278" spans="2:2" x14ac:dyDescent="0.2">
      <c r="B278" s="12"/>
    </row>
    <row r="279" spans="2:2" x14ac:dyDescent="0.2">
      <c r="B279" s="12"/>
    </row>
    <row r="280" spans="2:2" x14ac:dyDescent="0.2">
      <c r="B280" s="12"/>
    </row>
    <row r="281" spans="2:2" x14ac:dyDescent="0.2">
      <c r="B281" s="12"/>
    </row>
    <row r="282" spans="2:2" x14ac:dyDescent="0.2">
      <c r="B282" s="12"/>
    </row>
    <row r="283" spans="2:2" x14ac:dyDescent="0.2">
      <c r="B283" s="12"/>
    </row>
    <row r="284" spans="2:2" x14ac:dyDescent="0.2">
      <c r="B284" s="12"/>
    </row>
    <row r="285" spans="2:2" x14ac:dyDescent="0.2">
      <c r="B285" s="12"/>
    </row>
    <row r="286" spans="2:2" x14ac:dyDescent="0.2">
      <c r="B286" s="12"/>
    </row>
    <row r="287" spans="2:2" x14ac:dyDescent="0.2">
      <c r="B287" s="12"/>
    </row>
    <row r="288" spans="2:2" x14ac:dyDescent="0.2">
      <c r="B288" s="12"/>
    </row>
    <row r="289" spans="2:2" x14ac:dyDescent="0.2">
      <c r="B289" s="12"/>
    </row>
    <row r="290" spans="2:2" x14ac:dyDescent="0.2">
      <c r="B290" s="12"/>
    </row>
    <row r="291" spans="2:2" x14ac:dyDescent="0.2">
      <c r="B291" s="12"/>
    </row>
    <row r="292" spans="2:2" x14ac:dyDescent="0.2">
      <c r="B292" s="12"/>
    </row>
    <row r="293" spans="2:2" x14ac:dyDescent="0.2">
      <c r="B293" s="12"/>
    </row>
    <row r="294" spans="2:2" x14ac:dyDescent="0.2">
      <c r="B294" s="12"/>
    </row>
    <row r="295" spans="2:2" x14ac:dyDescent="0.2">
      <c r="B295" s="12"/>
    </row>
    <row r="296" spans="2:2" x14ac:dyDescent="0.2">
      <c r="B296" s="12"/>
    </row>
    <row r="297" spans="2:2" x14ac:dyDescent="0.2">
      <c r="B297" s="12"/>
    </row>
    <row r="298" spans="2:2" x14ac:dyDescent="0.2">
      <c r="B298" s="12"/>
    </row>
    <row r="299" spans="2:2" x14ac:dyDescent="0.2">
      <c r="B299" s="12"/>
    </row>
    <row r="300" spans="2:2" x14ac:dyDescent="0.2">
      <c r="B300" s="12"/>
    </row>
    <row r="301" spans="2:2" x14ac:dyDescent="0.2">
      <c r="B301" s="12"/>
    </row>
    <row r="302" spans="2:2" x14ac:dyDescent="0.2">
      <c r="B302" s="12"/>
    </row>
    <row r="303" spans="2:2" x14ac:dyDescent="0.2">
      <c r="B303" s="12"/>
    </row>
    <row r="304" spans="2:2" x14ac:dyDescent="0.2">
      <c r="B304" s="12"/>
    </row>
    <row r="305" spans="2:2" x14ac:dyDescent="0.2">
      <c r="B305" s="12"/>
    </row>
    <row r="306" spans="2:2" x14ac:dyDescent="0.2">
      <c r="B306" s="12"/>
    </row>
    <row r="307" spans="2:2" x14ac:dyDescent="0.2">
      <c r="B307" s="12"/>
    </row>
    <row r="308" spans="2:2" x14ac:dyDescent="0.2">
      <c r="B308" s="12"/>
    </row>
    <row r="309" spans="2:2" x14ac:dyDescent="0.2">
      <c r="B309" s="12"/>
    </row>
    <row r="310" spans="2:2" x14ac:dyDescent="0.2">
      <c r="B310" s="12"/>
    </row>
    <row r="311" spans="2:2" x14ac:dyDescent="0.2">
      <c r="B311" s="12"/>
    </row>
    <row r="312" spans="2:2" x14ac:dyDescent="0.2">
      <c r="B312" s="12"/>
    </row>
    <row r="313" spans="2:2" x14ac:dyDescent="0.2">
      <c r="B313" s="12"/>
    </row>
    <row r="314" spans="2:2" x14ac:dyDescent="0.2">
      <c r="B314" s="12"/>
    </row>
    <row r="315" spans="2:2" x14ac:dyDescent="0.2">
      <c r="B315" s="12"/>
    </row>
    <row r="316" spans="2:2" x14ac:dyDescent="0.2">
      <c r="B316" s="12"/>
    </row>
    <row r="317" spans="2:2" x14ac:dyDescent="0.2">
      <c r="B317" s="12"/>
    </row>
    <row r="318" spans="2:2" x14ac:dyDescent="0.2">
      <c r="B318" s="12"/>
    </row>
    <row r="319" spans="2:2" x14ac:dyDescent="0.2">
      <c r="B319" s="12"/>
    </row>
    <row r="320" spans="2:2" x14ac:dyDescent="0.2">
      <c r="B320" s="12"/>
    </row>
    <row r="321" spans="2:2" x14ac:dyDescent="0.2">
      <c r="B321" s="12"/>
    </row>
    <row r="322" spans="2:2" x14ac:dyDescent="0.2">
      <c r="B322" s="12"/>
    </row>
    <row r="323" spans="2:2" x14ac:dyDescent="0.2">
      <c r="B323" s="12"/>
    </row>
    <row r="324" spans="2:2" x14ac:dyDescent="0.2">
      <c r="B324" s="12"/>
    </row>
    <row r="325" spans="2:2" x14ac:dyDescent="0.2">
      <c r="B325" s="12"/>
    </row>
    <row r="326" spans="2:2" x14ac:dyDescent="0.2">
      <c r="B326" s="12"/>
    </row>
    <row r="327" spans="2:2" x14ac:dyDescent="0.2">
      <c r="B327" s="12"/>
    </row>
    <row r="328" spans="2:2" x14ac:dyDescent="0.2">
      <c r="B328" s="12"/>
    </row>
    <row r="329" spans="2:2" x14ac:dyDescent="0.2">
      <c r="B329" s="12"/>
    </row>
    <row r="330" spans="2:2" x14ac:dyDescent="0.2">
      <c r="B330" s="12"/>
    </row>
    <row r="331" spans="2:2" x14ac:dyDescent="0.2">
      <c r="B331" s="12"/>
    </row>
    <row r="332" spans="2:2" x14ac:dyDescent="0.2">
      <c r="B332" s="12"/>
    </row>
    <row r="333" spans="2:2" x14ac:dyDescent="0.2">
      <c r="B333" s="12"/>
    </row>
    <row r="334" spans="2:2" x14ac:dyDescent="0.2">
      <c r="B334" s="12"/>
    </row>
    <row r="335" spans="2:2" x14ac:dyDescent="0.2">
      <c r="B335" s="12"/>
    </row>
    <row r="336" spans="2:2" x14ac:dyDescent="0.2">
      <c r="B336" s="12"/>
    </row>
    <row r="337" spans="2:2" x14ac:dyDescent="0.2">
      <c r="B337" s="12"/>
    </row>
    <row r="338" spans="2:2" x14ac:dyDescent="0.2">
      <c r="B338" s="12"/>
    </row>
    <row r="339" spans="2:2" x14ac:dyDescent="0.2">
      <c r="B339" s="12"/>
    </row>
    <row r="340" spans="2:2" x14ac:dyDescent="0.2">
      <c r="B340" s="12"/>
    </row>
    <row r="341" spans="2:2" x14ac:dyDescent="0.2">
      <c r="B341" s="12"/>
    </row>
    <row r="342" spans="2:2" x14ac:dyDescent="0.2">
      <c r="B342" s="12"/>
    </row>
    <row r="343" spans="2:2" x14ac:dyDescent="0.2">
      <c r="B343" s="12"/>
    </row>
    <row r="344" spans="2:2" x14ac:dyDescent="0.2">
      <c r="B344" s="12"/>
    </row>
    <row r="345" spans="2:2" x14ac:dyDescent="0.2">
      <c r="B345" s="12"/>
    </row>
    <row r="346" spans="2:2" x14ac:dyDescent="0.2">
      <c r="B346" s="12"/>
    </row>
    <row r="347" spans="2:2" x14ac:dyDescent="0.2">
      <c r="B347" s="12"/>
    </row>
    <row r="348" spans="2:2" x14ac:dyDescent="0.2">
      <c r="B348" s="12"/>
    </row>
    <row r="349" spans="2:2" x14ac:dyDescent="0.2">
      <c r="B349" s="12"/>
    </row>
    <row r="350" spans="2:2" x14ac:dyDescent="0.2">
      <c r="B350" s="12"/>
    </row>
    <row r="351" spans="2:2" x14ac:dyDescent="0.2">
      <c r="B351" s="12"/>
    </row>
    <row r="352" spans="2:2" x14ac:dyDescent="0.2">
      <c r="B352" s="12"/>
    </row>
    <row r="353" spans="2:2" x14ac:dyDescent="0.2">
      <c r="B353" s="12"/>
    </row>
    <row r="354" spans="2:2" x14ac:dyDescent="0.2">
      <c r="B354" s="12"/>
    </row>
    <row r="355" spans="2:2" x14ac:dyDescent="0.2">
      <c r="B355" s="12"/>
    </row>
    <row r="356" spans="2:2" x14ac:dyDescent="0.2">
      <c r="B356" s="12"/>
    </row>
    <row r="357" spans="2:2" x14ac:dyDescent="0.2">
      <c r="B357" s="12"/>
    </row>
    <row r="358" spans="2:2" x14ac:dyDescent="0.2">
      <c r="B358" s="12"/>
    </row>
    <row r="359" spans="2:2" x14ac:dyDescent="0.2">
      <c r="B359" s="12"/>
    </row>
    <row r="360" spans="2:2" x14ac:dyDescent="0.2">
      <c r="B360" s="12"/>
    </row>
    <row r="361" spans="2:2" x14ac:dyDescent="0.2">
      <c r="B361" s="12"/>
    </row>
    <row r="362" spans="2:2" x14ac:dyDescent="0.2">
      <c r="B362" s="12"/>
    </row>
    <row r="363" spans="2:2" x14ac:dyDescent="0.2">
      <c r="B363" s="12"/>
    </row>
    <row r="364" spans="2:2" x14ac:dyDescent="0.2">
      <c r="B364" s="12"/>
    </row>
    <row r="365" spans="2:2" x14ac:dyDescent="0.2">
      <c r="B365" s="12"/>
    </row>
    <row r="366" spans="2:2" x14ac:dyDescent="0.2">
      <c r="B366" s="12"/>
    </row>
    <row r="367" spans="2:2" x14ac:dyDescent="0.2">
      <c r="B367" s="12"/>
    </row>
    <row r="368" spans="2:2" x14ac:dyDescent="0.2">
      <c r="B368" s="12"/>
    </row>
    <row r="369" spans="2:2" x14ac:dyDescent="0.2">
      <c r="B369" s="12"/>
    </row>
    <row r="370" spans="2:2" x14ac:dyDescent="0.2">
      <c r="B370" s="12"/>
    </row>
    <row r="371" spans="2:2" x14ac:dyDescent="0.2">
      <c r="B371" s="12"/>
    </row>
    <row r="372" spans="2:2" x14ac:dyDescent="0.2">
      <c r="B372" s="12"/>
    </row>
    <row r="373" spans="2:2" x14ac:dyDescent="0.2">
      <c r="B373" s="12"/>
    </row>
    <row r="374" spans="2:2" x14ac:dyDescent="0.2">
      <c r="B374" s="12"/>
    </row>
    <row r="375" spans="2:2" x14ac:dyDescent="0.2">
      <c r="B375" s="12"/>
    </row>
    <row r="376" spans="2:2" x14ac:dyDescent="0.2">
      <c r="B376" s="12"/>
    </row>
    <row r="377" spans="2:2" x14ac:dyDescent="0.2">
      <c r="B377" s="12"/>
    </row>
    <row r="378" spans="2:2" x14ac:dyDescent="0.2">
      <c r="B378" s="12"/>
    </row>
    <row r="379" spans="2:2" x14ac:dyDescent="0.2">
      <c r="B379" s="12"/>
    </row>
    <row r="380" spans="2:2" x14ac:dyDescent="0.2">
      <c r="B380" s="12"/>
    </row>
    <row r="381" spans="2:2" x14ac:dyDescent="0.2">
      <c r="B381" s="12"/>
    </row>
    <row r="382" spans="2:2" x14ac:dyDescent="0.2">
      <c r="B382" s="12"/>
    </row>
    <row r="383" spans="2:2" x14ac:dyDescent="0.2">
      <c r="B383" s="12"/>
    </row>
    <row r="384" spans="2:2" x14ac:dyDescent="0.2">
      <c r="B384" s="12"/>
    </row>
    <row r="385" spans="2:2" x14ac:dyDescent="0.2">
      <c r="B385" s="12"/>
    </row>
    <row r="386" spans="2:2" x14ac:dyDescent="0.2">
      <c r="B386" s="12"/>
    </row>
    <row r="387" spans="2:2" x14ac:dyDescent="0.2">
      <c r="B387" s="12"/>
    </row>
    <row r="388" spans="2:2" x14ac:dyDescent="0.2">
      <c r="B388" s="12"/>
    </row>
    <row r="389" spans="2:2" x14ac:dyDescent="0.2">
      <c r="B389" s="12"/>
    </row>
    <row r="390" spans="2:2" x14ac:dyDescent="0.2">
      <c r="B390" s="12"/>
    </row>
    <row r="391" spans="2:2" x14ac:dyDescent="0.2">
      <c r="B391" s="12"/>
    </row>
    <row r="392" spans="2:2" x14ac:dyDescent="0.2">
      <c r="B392" s="12"/>
    </row>
    <row r="393" spans="2:2" x14ac:dyDescent="0.2">
      <c r="B393" s="12"/>
    </row>
    <row r="394" spans="2:2" x14ac:dyDescent="0.2">
      <c r="B394" s="12"/>
    </row>
    <row r="395" spans="2:2" x14ac:dyDescent="0.2">
      <c r="B395" s="12"/>
    </row>
    <row r="396" spans="2:2" x14ac:dyDescent="0.2">
      <c r="B396" s="12"/>
    </row>
    <row r="397" spans="2:2" x14ac:dyDescent="0.2">
      <c r="B397" s="12"/>
    </row>
    <row r="398" spans="2:2" x14ac:dyDescent="0.2">
      <c r="B398" s="12"/>
    </row>
    <row r="399" spans="2:2" x14ac:dyDescent="0.2">
      <c r="B399" s="12"/>
    </row>
    <row r="400" spans="2:2" x14ac:dyDescent="0.2">
      <c r="B400" s="12"/>
    </row>
    <row r="401" spans="2:2" x14ac:dyDescent="0.2">
      <c r="B401" s="12"/>
    </row>
    <row r="402" spans="2:2" x14ac:dyDescent="0.2">
      <c r="B402" s="12"/>
    </row>
    <row r="403" spans="2:2" x14ac:dyDescent="0.2">
      <c r="B403" s="12"/>
    </row>
    <row r="404" spans="2:2" x14ac:dyDescent="0.2">
      <c r="B404" s="12"/>
    </row>
    <row r="405" spans="2:2" x14ac:dyDescent="0.2">
      <c r="B405" s="12"/>
    </row>
    <row r="406" spans="2:2" x14ac:dyDescent="0.2">
      <c r="B406" s="12"/>
    </row>
    <row r="407" spans="2:2" x14ac:dyDescent="0.2">
      <c r="B407" s="12"/>
    </row>
    <row r="408" spans="2:2" x14ac:dyDescent="0.2">
      <c r="B408" s="12"/>
    </row>
    <row r="409" spans="2:2" x14ac:dyDescent="0.2">
      <c r="B409" s="12"/>
    </row>
    <row r="410" spans="2:2" x14ac:dyDescent="0.2">
      <c r="B410" s="12"/>
    </row>
    <row r="411" spans="2:2" x14ac:dyDescent="0.2">
      <c r="B411" s="12"/>
    </row>
    <row r="412" spans="2:2" x14ac:dyDescent="0.2">
      <c r="B412" s="12"/>
    </row>
    <row r="413" spans="2:2" x14ac:dyDescent="0.2">
      <c r="B413" s="12"/>
    </row>
    <row r="414" spans="2:2" x14ac:dyDescent="0.2">
      <c r="B414" s="12"/>
    </row>
    <row r="415" spans="2:2" x14ac:dyDescent="0.2">
      <c r="B415" s="12"/>
    </row>
    <row r="416" spans="2:2" x14ac:dyDescent="0.2">
      <c r="B416" s="12"/>
    </row>
    <row r="417" spans="2:2" x14ac:dyDescent="0.2">
      <c r="B417" s="12"/>
    </row>
    <row r="418" spans="2:2" x14ac:dyDescent="0.2">
      <c r="B418" s="12"/>
    </row>
    <row r="419" spans="2:2" x14ac:dyDescent="0.2">
      <c r="B419" s="12"/>
    </row>
    <row r="420" spans="2:2" x14ac:dyDescent="0.2">
      <c r="B420" s="12"/>
    </row>
    <row r="421" spans="2:2" x14ac:dyDescent="0.2">
      <c r="B421" s="12"/>
    </row>
    <row r="422" spans="2:2" x14ac:dyDescent="0.2">
      <c r="B422" s="12"/>
    </row>
    <row r="423" spans="2:2" x14ac:dyDescent="0.2">
      <c r="B423" s="12"/>
    </row>
    <row r="424" spans="2:2" x14ac:dyDescent="0.2">
      <c r="B424" s="12"/>
    </row>
    <row r="425" spans="2:2" x14ac:dyDescent="0.2">
      <c r="B425" s="12"/>
    </row>
    <row r="426" spans="2:2" x14ac:dyDescent="0.2">
      <c r="B426" s="12"/>
    </row>
    <row r="427" spans="2:2" x14ac:dyDescent="0.2">
      <c r="B427" s="12"/>
    </row>
    <row r="428" spans="2:2" x14ac:dyDescent="0.2">
      <c r="B428" s="12"/>
    </row>
    <row r="429" spans="2:2" x14ac:dyDescent="0.2">
      <c r="B429" s="12"/>
    </row>
    <row r="430" spans="2:2" x14ac:dyDescent="0.2">
      <c r="B430" s="12"/>
    </row>
    <row r="431" spans="2:2" x14ac:dyDescent="0.2">
      <c r="B431" s="12"/>
    </row>
    <row r="432" spans="2:2" x14ac:dyDescent="0.2">
      <c r="B432" s="12"/>
    </row>
    <row r="433" spans="2:2" x14ac:dyDescent="0.2">
      <c r="B433" s="12"/>
    </row>
    <row r="434" spans="2:2" x14ac:dyDescent="0.2">
      <c r="B434" s="12"/>
    </row>
    <row r="435" spans="2:2" x14ac:dyDescent="0.2">
      <c r="B435" s="12"/>
    </row>
    <row r="436" spans="2:2" x14ac:dyDescent="0.2">
      <c r="B436" s="12"/>
    </row>
    <row r="437" spans="2:2" x14ac:dyDescent="0.2">
      <c r="B437" s="12"/>
    </row>
    <row r="438" spans="2:2" x14ac:dyDescent="0.2">
      <c r="B438" s="12"/>
    </row>
    <row r="439" spans="2:2" x14ac:dyDescent="0.2">
      <c r="B439" s="12"/>
    </row>
    <row r="440" spans="2:2" x14ac:dyDescent="0.2">
      <c r="B440" s="12"/>
    </row>
    <row r="441" spans="2:2" x14ac:dyDescent="0.2">
      <c r="B441" s="12"/>
    </row>
    <row r="442" spans="2:2" x14ac:dyDescent="0.2">
      <c r="B442" s="12"/>
    </row>
    <row r="443" spans="2:2" x14ac:dyDescent="0.2">
      <c r="B443" s="12"/>
    </row>
    <row r="444" spans="2:2" x14ac:dyDescent="0.2">
      <c r="B444" s="12"/>
    </row>
    <row r="445" spans="2:2" x14ac:dyDescent="0.2">
      <c r="B445" s="12"/>
    </row>
    <row r="446" spans="2:2" x14ac:dyDescent="0.2">
      <c r="B446" s="12"/>
    </row>
    <row r="447" spans="2:2" x14ac:dyDescent="0.2">
      <c r="B447" s="12"/>
    </row>
    <row r="448" spans="2:2" x14ac:dyDescent="0.2">
      <c r="B448" s="12"/>
    </row>
    <row r="449" spans="2:2" x14ac:dyDescent="0.2">
      <c r="B449" s="12"/>
    </row>
    <row r="450" spans="2:2" x14ac:dyDescent="0.2">
      <c r="B450" s="12"/>
    </row>
    <row r="451" spans="2:2" x14ac:dyDescent="0.2">
      <c r="B451" s="12"/>
    </row>
    <row r="452" spans="2:2" x14ac:dyDescent="0.2">
      <c r="B452" s="12"/>
    </row>
    <row r="453" spans="2:2" x14ac:dyDescent="0.2">
      <c r="B453" s="12"/>
    </row>
    <row r="454" spans="2:2" x14ac:dyDescent="0.2">
      <c r="B454" s="12"/>
    </row>
    <row r="455" spans="2:2" x14ac:dyDescent="0.2">
      <c r="B455" s="12"/>
    </row>
    <row r="456" spans="2:2" x14ac:dyDescent="0.2">
      <c r="B456" s="12"/>
    </row>
    <row r="457" spans="2:2" x14ac:dyDescent="0.2">
      <c r="B457" s="12"/>
    </row>
    <row r="458" spans="2:2" x14ac:dyDescent="0.2">
      <c r="B458" s="12"/>
    </row>
    <row r="459" spans="2:2" x14ac:dyDescent="0.2">
      <c r="B459" s="12"/>
    </row>
    <row r="460" spans="2:2" x14ac:dyDescent="0.2">
      <c r="B460" s="12"/>
    </row>
    <row r="461" spans="2:2" x14ac:dyDescent="0.2">
      <c r="B461" s="12"/>
    </row>
    <row r="462" spans="2:2" x14ac:dyDescent="0.2">
      <c r="B462" s="12"/>
    </row>
    <row r="463" spans="2:2" x14ac:dyDescent="0.2">
      <c r="B463" s="12"/>
    </row>
    <row r="464" spans="2:2" x14ac:dyDescent="0.2">
      <c r="B464" s="12"/>
    </row>
    <row r="465" spans="2:2" x14ac:dyDescent="0.2">
      <c r="B465" s="12"/>
    </row>
    <row r="466" spans="2:2" x14ac:dyDescent="0.2">
      <c r="B466" s="12"/>
    </row>
    <row r="467" spans="2:2" x14ac:dyDescent="0.2">
      <c r="B467" s="12"/>
    </row>
    <row r="468" spans="2:2" x14ac:dyDescent="0.2">
      <c r="B468" s="12"/>
    </row>
    <row r="469" spans="2:2" x14ac:dyDescent="0.2">
      <c r="B469" s="12"/>
    </row>
    <row r="470" spans="2:2" x14ac:dyDescent="0.2">
      <c r="B470" s="12"/>
    </row>
    <row r="471" spans="2:2" x14ac:dyDescent="0.2">
      <c r="B471" s="12"/>
    </row>
    <row r="472" spans="2:2" x14ac:dyDescent="0.2">
      <c r="B472" s="12"/>
    </row>
    <row r="473" spans="2:2" x14ac:dyDescent="0.2">
      <c r="B473" s="12"/>
    </row>
    <row r="474" spans="2:2" x14ac:dyDescent="0.2">
      <c r="B474" s="12"/>
    </row>
    <row r="475" spans="2:2" x14ac:dyDescent="0.2">
      <c r="B475" s="12"/>
    </row>
    <row r="476" spans="2:2" x14ac:dyDescent="0.2">
      <c r="B476" s="12"/>
    </row>
    <row r="477" spans="2:2" x14ac:dyDescent="0.2">
      <c r="B477" s="12"/>
    </row>
    <row r="478" spans="2:2" x14ac:dyDescent="0.2">
      <c r="B478" s="12"/>
    </row>
    <row r="479" spans="2:2" x14ac:dyDescent="0.2">
      <c r="B479" s="12"/>
    </row>
    <row r="480" spans="2:2" x14ac:dyDescent="0.2">
      <c r="B480" s="12"/>
    </row>
    <row r="481" spans="2:2" x14ac:dyDescent="0.2">
      <c r="B481" s="12"/>
    </row>
    <row r="482" spans="2:2" x14ac:dyDescent="0.2">
      <c r="B482" s="12"/>
    </row>
    <row r="483" spans="2:2" x14ac:dyDescent="0.2">
      <c r="B483" s="12"/>
    </row>
    <row r="484" spans="2:2" x14ac:dyDescent="0.2">
      <c r="B484" s="12"/>
    </row>
    <row r="485" spans="2:2" x14ac:dyDescent="0.2">
      <c r="B485" s="12"/>
    </row>
    <row r="486" spans="2:2" x14ac:dyDescent="0.2">
      <c r="B486" s="12"/>
    </row>
    <row r="487" spans="2:2" x14ac:dyDescent="0.2">
      <c r="B487" s="12"/>
    </row>
    <row r="488" spans="2:2" x14ac:dyDescent="0.2">
      <c r="B488" s="12"/>
    </row>
    <row r="489" spans="2:2" x14ac:dyDescent="0.2">
      <c r="B489" s="12"/>
    </row>
    <row r="490" spans="2:2" x14ac:dyDescent="0.2">
      <c r="B490" s="12"/>
    </row>
    <row r="491" spans="2:2" x14ac:dyDescent="0.2">
      <c r="B491" s="12"/>
    </row>
    <row r="492" spans="2:2" x14ac:dyDescent="0.2">
      <c r="B492" s="12"/>
    </row>
    <row r="493" spans="2:2" x14ac:dyDescent="0.2">
      <c r="B493" s="12"/>
    </row>
    <row r="494" spans="2:2" x14ac:dyDescent="0.2">
      <c r="B494" s="12"/>
    </row>
    <row r="495" spans="2:2" x14ac:dyDescent="0.2">
      <c r="B495" s="12"/>
    </row>
    <row r="496" spans="2:2" x14ac:dyDescent="0.2">
      <c r="B496" s="12"/>
    </row>
    <row r="497" spans="2:2" x14ac:dyDescent="0.2">
      <c r="B497" s="12"/>
    </row>
    <row r="498" spans="2:2" x14ac:dyDescent="0.2">
      <c r="B498" s="12"/>
    </row>
    <row r="499" spans="2:2" x14ac:dyDescent="0.2">
      <c r="B499" s="12"/>
    </row>
    <row r="500" spans="2:2" x14ac:dyDescent="0.2">
      <c r="B500" s="12"/>
    </row>
    <row r="501" spans="2:2" x14ac:dyDescent="0.2">
      <c r="B501" s="12"/>
    </row>
    <row r="502" spans="2:2" x14ac:dyDescent="0.2">
      <c r="B502" s="12"/>
    </row>
    <row r="503" spans="2:2" x14ac:dyDescent="0.2">
      <c r="B503" s="12"/>
    </row>
    <row r="504" spans="2:2" x14ac:dyDescent="0.2">
      <c r="B504" s="12"/>
    </row>
    <row r="505" spans="2:2" x14ac:dyDescent="0.2">
      <c r="B505" s="12"/>
    </row>
    <row r="506" spans="2:2" x14ac:dyDescent="0.2">
      <c r="B506" s="12"/>
    </row>
    <row r="507" spans="2:2" x14ac:dyDescent="0.2">
      <c r="B507" s="12"/>
    </row>
    <row r="508" spans="2:2" x14ac:dyDescent="0.2">
      <c r="B508" s="12"/>
    </row>
    <row r="509" spans="2:2" x14ac:dyDescent="0.2">
      <c r="B509" s="12"/>
    </row>
    <row r="510" spans="2:2" x14ac:dyDescent="0.2">
      <c r="B510" s="12"/>
    </row>
    <row r="511" spans="2:2" x14ac:dyDescent="0.2">
      <c r="B511" s="12"/>
    </row>
    <row r="512" spans="2:2" x14ac:dyDescent="0.2">
      <c r="B512" s="12"/>
    </row>
    <row r="513" spans="2:2" x14ac:dyDescent="0.2">
      <c r="B513" s="12"/>
    </row>
    <row r="514" spans="2:2" x14ac:dyDescent="0.2">
      <c r="B514" s="12"/>
    </row>
    <row r="515" spans="2:2" x14ac:dyDescent="0.2">
      <c r="B515" s="12"/>
    </row>
    <row r="516" spans="2:2" x14ac:dyDescent="0.2">
      <c r="B516" s="12"/>
    </row>
    <row r="517" spans="2:2" x14ac:dyDescent="0.2">
      <c r="B517" s="12"/>
    </row>
    <row r="518" spans="2:2" x14ac:dyDescent="0.2">
      <c r="B518" s="12"/>
    </row>
    <row r="519" spans="2:2" x14ac:dyDescent="0.2">
      <c r="B519" s="12"/>
    </row>
    <row r="520" spans="2:2" x14ac:dyDescent="0.2">
      <c r="B520" s="12"/>
    </row>
    <row r="521" spans="2:2" x14ac:dyDescent="0.2">
      <c r="B521" s="12"/>
    </row>
    <row r="522" spans="2:2" x14ac:dyDescent="0.2">
      <c r="B522" s="12"/>
    </row>
    <row r="523" spans="2:2" x14ac:dyDescent="0.2">
      <c r="B523" s="12"/>
    </row>
    <row r="524" spans="2:2" x14ac:dyDescent="0.2">
      <c r="B524" s="12"/>
    </row>
    <row r="525" spans="2:2" x14ac:dyDescent="0.2">
      <c r="B525" s="12"/>
    </row>
    <row r="526" spans="2:2" x14ac:dyDescent="0.2">
      <c r="B526" s="12"/>
    </row>
    <row r="527" spans="2:2" x14ac:dyDescent="0.2">
      <c r="B527" s="12"/>
    </row>
    <row r="528" spans="2:2" x14ac:dyDescent="0.2">
      <c r="B528" s="12"/>
    </row>
    <row r="529" spans="2:2" x14ac:dyDescent="0.2">
      <c r="B529" s="12"/>
    </row>
    <row r="530" spans="2:2" x14ac:dyDescent="0.2">
      <c r="B530" s="12"/>
    </row>
    <row r="531" spans="2:2" x14ac:dyDescent="0.2">
      <c r="B531" s="12"/>
    </row>
    <row r="532" spans="2:2" x14ac:dyDescent="0.2">
      <c r="B532" s="12"/>
    </row>
    <row r="533" spans="2:2" x14ac:dyDescent="0.2">
      <c r="B533" s="12"/>
    </row>
    <row r="534" spans="2:2" x14ac:dyDescent="0.2">
      <c r="B534" s="12"/>
    </row>
    <row r="535" spans="2:2" x14ac:dyDescent="0.2">
      <c r="B535" s="12"/>
    </row>
    <row r="536" spans="2:2" x14ac:dyDescent="0.2">
      <c r="B536" s="12"/>
    </row>
    <row r="537" spans="2:2" x14ac:dyDescent="0.2">
      <c r="B537" s="12"/>
    </row>
    <row r="538" spans="2:2" x14ac:dyDescent="0.2">
      <c r="B538" s="12"/>
    </row>
    <row r="539" spans="2:2" x14ac:dyDescent="0.2">
      <c r="B539" s="12"/>
    </row>
    <row r="540" spans="2:2" x14ac:dyDescent="0.2">
      <c r="B540" s="12"/>
    </row>
    <row r="541" spans="2:2" x14ac:dyDescent="0.2">
      <c r="B541" s="12"/>
    </row>
    <row r="542" spans="2:2" x14ac:dyDescent="0.2">
      <c r="B542" s="12"/>
    </row>
    <row r="543" spans="2:2" x14ac:dyDescent="0.2">
      <c r="B543" s="12"/>
    </row>
    <row r="544" spans="2:2" x14ac:dyDescent="0.2">
      <c r="B544" s="12"/>
    </row>
    <row r="545" spans="2:2" x14ac:dyDescent="0.2">
      <c r="B545" s="12"/>
    </row>
    <row r="546" spans="2:2" x14ac:dyDescent="0.2">
      <c r="B546" s="12"/>
    </row>
    <row r="547" spans="2:2" x14ac:dyDescent="0.2">
      <c r="B547" s="12"/>
    </row>
    <row r="548" spans="2:2" x14ac:dyDescent="0.2">
      <c r="B548" s="12"/>
    </row>
    <row r="549" spans="2:2" x14ac:dyDescent="0.2">
      <c r="B549" s="12"/>
    </row>
    <row r="550" spans="2:2" x14ac:dyDescent="0.2">
      <c r="B550" s="12"/>
    </row>
    <row r="551" spans="2:2" x14ac:dyDescent="0.2">
      <c r="B551" s="12"/>
    </row>
    <row r="552" spans="2:2" x14ac:dyDescent="0.2">
      <c r="B552" s="12"/>
    </row>
    <row r="553" spans="2:2" x14ac:dyDescent="0.2">
      <c r="B553" s="12"/>
    </row>
    <row r="554" spans="2:2" x14ac:dyDescent="0.2">
      <c r="B554" s="12"/>
    </row>
    <row r="555" spans="2:2" x14ac:dyDescent="0.2">
      <c r="B555" s="12"/>
    </row>
    <row r="556" spans="2:2" x14ac:dyDescent="0.2">
      <c r="B556" s="12"/>
    </row>
    <row r="557" spans="2:2" x14ac:dyDescent="0.2">
      <c r="B557" s="12"/>
    </row>
    <row r="558" spans="2:2" x14ac:dyDescent="0.2">
      <c r="B558" s="12"/>
    </row>
    <row r="559" spans="2:2" x14ac:dyDescent="0.2">
      <c r="B559" s="12"/>
    </row>
    <row r="560" spans="2:2" x14ac:dyDescent="0.2">
      <c r="B560" s="12"/>
    </row>
    <row r="561" spans="2:2" x14ac:dyDescent="0.2">
      <c r="B561" s="12"/>
    </row>
    <row r="562" spans="2:2" x14ac:dyDescent="0.2">
      <c r="B562" s="12"/>
    </row>
    <row r="563" spans="2:2" x14ac:dyDescent="0.2">
      <c r="B563" s="12"/>
    </row>
    <row r="564" spans="2:2" x14ac:dyDescent="0.2">
      <c r="B564" s="12"/>
    </row>
    <row r="565" spans="2:2" x14ac:dyDescent="0.2">
      <c r="B565" s="12"/>
    </row>
    <row r="566" spans="2:2" x14ac:dyDescent="0.2">
      <c r="B566" s="12"/>
    </row>
    <row r="567" spans="2:2" x14ac:dyDescent="0.2">
      <c r="B567" s="12"/>
    </row>
    <row r="568" spans="2:2" x14ac:dyDescent="0.2">
      <c r="B568" s="12"/>
    </row>
    <row r="569" spans="2:2" x14ac:dyDescent="0.2">
      <c r="B569" s="12"/>
    </row>
    <row r="570" spans="2:2" x14ac:dyDescent="0.2">
      <c r="B570" s="12"/>
    </row>
    <row r="571" spans="2:2" x14ac:dyDescent="0.2">
      <c r="B571" s="12"/>
    </row>
    <row r="572" spans="2:2" x14ac:dyDescent="0.2">
      <c r="B572" s="12"/>
    </row>
    <row r="573" spans="2:2" x14ac:dyDescent="0.2">
      <c r="B573" s="12"/>
    </row>
    <row r="574" spans="2:2" x14ac:dyDescent="0.2">
      <c r="B574" s="12"/>
    </row>
    <row r="575" spans="2:2" x14ac:dyDescent="0.2">
      <c r="B575" s="12"/>
    </row>
    <row r="576" spans="2:2" x14ac:dyDescent="0.2">
      <c r="B576" s="12"/>
    </row>
    <row r="577" spans="2:2" x14ac:dyDescent="0.2">
      <c r="B577" s="12"/>
    </row>
    <row r="578" spans="2:2" x14ac:dyDescent="0.2">
      <c r="B578" s="12"/>
    </row>
    <row r="579" spans="2:2" x14ac:dyDescent="0.2">
      <c r="B579" s="12"/>
    </row>
    <row r="580" spans="2:2" x14ac:dyDescent="0.2">
      <c r="B580" s="12"/>
    </row>
    <row r="581" spans="2:2" x14ac:dyDescent="0.2">
      <c r="B581" s="12"/>
    </row>
    <row r="582" spans="2:2" x14ac:dyDescent="0.2">
      <c r="B582" s="12"/>
    </row>
    <row r="583" spans="2:2" x14ac:dyDescent="0.2">
      <c r="B583" s="12"/>
    </row>
    <row r="584" spans="2:2" x14ac:dyDescent="0.2">
      <c r="B584" s="12"/>
    </row>
    <row r="585" spans="2:2" x14ac:dyDescent="0.2">
      <c r="B585" s="12"/>
    </row>
    <row r="586" spans="2:2" x14ac:dyDescent="0.2">
      <c r="B586" s="12"/>
    </row>
    <row r="587" spans="2:2" x14ac:dyDescent="0.2">
      <c r="B587" s="12"/>
    </row>
    <row r="588" spans="2:2" x14ac:dyDescent="0.2">
      <c r="B588" s="12"/>
    </row>
    <row r="589" spans="2:2" x14ac:dyDescent="0.2">
      <c r="B589" s="12"/>
    </row>
    <row r="590" spans="2:2" x14ac:dyDescent="0.2">
      <c r="B590" s="12"/>
    </row>
    <row r="591" spans="2:2" x14ac:dyDescent="0.2">
      <c r="B591" s="12"/>
    </row>
    <row r="592" spans="2:2" x14ac:dyDescent="0.2">
      <c r="B592" s="12"/>
    </row>
    <row r="593" spans="2:2" x14ac:dyDescent="0.2">
      <c r="B593" s="12"/>
    </row>
    <row r="594" spans="2:2" x14ac:dyDescent="0.2">
      <c r="B594" s="12"/>
    </row>
    <row r="595" spans="2:2" x14ac:dyDescent="0.2">
      <c r="B595" s="12"/>
    </row>
    <row r="596" spans="2:2" x14ac:dyDescent="0.2">
      <c r="B596" s="12"/>
    </row>
    <row r="597" spans="2:2" x14ac:dyDescent="0.2">
      <c r="B597" s="12"/>
    </row>
    <row r="598" spans="2:2" x14ac:dyDescent="0.2">
      <c r="B598" s="12"/>
    </row>
    <row r="599" spans="2:2" x14ac:dyDescent="0.2">
      <c r="B599" s="12"/>
    </row>
    <row r="600" spans="2:2" x14ac:dyDescent="0.2">
      <c r="B600" s="12"/>
    </row>
    <row r="601" spans="2:2" x14ac:dyDescent="0.2">
      <c r="B601" s="12"/>
    </row>
    <row r="602" spans="2:2" x14ac:dyDescent="0.2">
      <c r="B602" s="12"/>
    </row>
    <row r="603" spans="2:2" x14ac:dyDescent="0.2">
      <c r="B603" s="12"/>
    </row>
    <row r="604" spans="2:2" x14ac:dyDescent="0.2">
      <c r="B604" s="12"/>
    </row>
    <row r="605" spans="2:2" x14ac:dyDescent="0.2">
      <c r="B605" s="12"/>
    </row>
    <row r="606" spans="2:2" x14ac:dyDescent="0.2">
      <c r="B606" s="12"/>
    </row>
    <row r="607" spans="2:2" x14ac:dyDescent="0.2">
      <c r="B607" s="12"/>
    </row>
    <row r="608" spans="2:2" x14ac:dyDescent="0.2">
      <c r="B608" s="12"/>
    </row>
    <row r="609" spans="2:2" x14ac:dyDescent="0.2">
      <c r="B609" s="12"/>
    </row>
    <row r="610" spans="2:2" x14ac:dyDescent="0.2">
      <c r="B610" s="12"/>
    </row>
    <row r="611" spans="2:2" x14ac:dyDescent="0.2">
      <c r="B611" s="12"/>
    </row>
    <row r="612" spans="2:2" x14ac:dyDescent="0.2">
      <c r="B612" s="12"/>
    </row>
    <row r="613" spans="2:2" x14ac:dyDescent="0.2">
      <c r="B613" s="12"/>
    </row>
    <row r="614" spans="2:2" x14ac:dyDescent="0.2">
      <c r="B614" s="12"/>
    </row>
    <row r="615" spans="2:2" x14ac:dyDescent="0.2">
      <c r="B615" s="12"/>
    </row>
    <row r="616" spans="2:2" x14ac:dyDescent="0.2">
      <c r="B616" s="12"/>
    </row>
    <row r="617" spans="2:2" x14ac:dyDescent="0.2">
      <c r="B617" s="12"/>
    </row>
    <row r="618" spans="2:2" x14ac:dyDescent="0.2">
      <c r="B618" s="12"/>
    </row>
    <row r="619" spans="2:2" x14ac:dyDescent="0.2">
      <c r="B619" s="12"/>
    </row>
    <row r="620" spans="2:2" x14ac:dyDescent="0.2">
      <c r="B620" s="12"/>
    </row>
    <row r="621" spans="2:2" x14ac:dyDescent="0.2">
      <c r="B621" s="12"/>
    </row>
    <row r="622" spans="2:2" x14ac:dyDescent="0.2">
      <c r="B622" s="12"/>
    </row>
    <row r="623" spans="2:2" x14ac:dyDescent="0.2">
      <c r="B623" s="12"/>
    </row>
    <row r="624" spans="2:2" x14ac:dyDescent="0.2">
      <c r="B624" s="12"/>
    </row>
    <row r="625" spans="2:2" x14ac:dyDescent="0.2">
      <c r="B625" s="12"/>
    </row>
    <row r="626" spans="2:2" x14ac:dyDescent="0.2">
      <c r="B626" s="12"/>
    </row>
    <row r="627" spans="2:2" x14ac:dyDescent="0.2">
      <c r="B627" s="12"/>
    </row>
    <row r="628" spans="2:2" x14ac:dyDescent="0.2">
      <c r="B628" s="12"/>
    </row>
    <row r="629" spans="2:2" x14ac:dyDescent="0.2">
      <c r="B629" s="12"/>
    </row>
    <row r="630" spans="2:2" x14ac:dyDescent="0.2">
      <c r="B630" s="12"/>
    </row>
    <row r="631" spans="2:2" x14ac:dyDescent="0.2">
      <c r="B631" s="12"/>
    </row>
    <row r="632" spans="2:2" x14ac:dyDescent="0.2">
      <c r="B632" s="12"/>
    </row>
    <row r="633" spans="2:2" x14ac:dyDescent="0.2">
      <c r="B633" s="12"/>
    </row>
    <row r="634" spans="2:2" x14ac:dyDescent="0.2">
      <c r="B634" s="12"/>
    </row>
    <row r="635" spans="2:2" x14ac:dyDescent="0.2">
      <c r="B635" s="12"/>
    </row>
    <row r="636" spans="2:2" x14ac:dyDescent="0.2">
      <c r="B636" s="12"/>
    </row>
    <row r="637" spans="2:2" x14ac:dyDescent="0.2">
      <c r="B637" s="12"/>
    </row>
    <row r="638" spans="2:2" x14ac:dyDescent="0.2">
      <c r="B638" s="12"/>
    </row>
    <row r="639" spans="2:2" x14ac:dyDescent="0.2">
      <c r="B639" s="12"/>
    </row>
    <row r="640" spans="2:2" x14ac:dyDescent="0.2">
      <c r="B640" s="12"/>
    </row>
    <row r="641" spans="2:2" x14ac:dyDescent="0.2">
      <c r="B641" s="12"/>
    </row>
    <row r="642" spans="2:2" x14ac:dyDescent="0.2">
      <c r="B642" s="12"/>
    </row>
    <row r="643" spans="2:2" x14ac:dyDescent="0.2">
      <c r="B643" s="12"/>
    </row>
    <row r="644" spans="2:2" x14ac:dyDescent="0.2">
      <c r="B644" s="12"/>
    </row>
    <row r="645" spans="2:2" x14ac:dyDescent="0.2">
      <c r="B645" s="12"/>
    </row>
    <row r="646" spans="2:2" x14ac:dyDescent="0.2">
      <c r="B646" s="12"/>
    </row>
    <row r="647" spans="2:2" x14ac:dyDescent="0.2">
      <c r="B647" s="12"/>
    </row>
    <row r="648" spans="2:2" x14ac:dyDescent="0.2">
      <c r="B648" s="12"/>
    </row>
    <row r="649" spans="2:2" x14ac:dyDescent="0.2">
      <c r="B649" s="12"/>
    </row>
    <row r="650" spans="2:2" x14ac:dyDescent="0.2">
      <c r="B650" s="12"/>
    </row>
    <row r="651" spans="2:2" x14ac:dyDescent="0.2">
      <c r="B651" s="12"/>
    </row>
    <row r="652" spans="2:2" x14ac:dyDescent="0.2">
      <c r="B652" s="12"/>
    </row>
    <row r="653" spans="2:2" x14ac:dyDescent="0.2">
      <c r="B653" s="12"/>
    </row>
    <row r="654" spans="2:2" x14ac:dyDescent="0.2">
      <c r="B654" s="12"/>
    </row>
    <row r="655" spans="2:2" x14ac:dyDescent="0.2">
      <c r="B655" s="12"/>
    </row>
    <row r="656" spans="2:2" x14ac:dyDescent="0.2">
      <c r="B656" s="12"/>
    </row>
    <row r="657" spans="2:2" x14ac:dyDescent="0.2">
      <c r="B657" s="12"/>
    </row>
    <row r="658" spans="2:2" x14ac:dyDescent="0.2">
      <c r="B658" s="12"/>
    </row>
    <row r="659" spans="2:2" x14ac:dyDescent="0.2">
      <c r="B659" s="12"/>
    </row>
    <row r="660" spans="2:2" x14ac:dyDescent="0.2">
      <c r="B660" s="12"/>
    </row>
    <row r="661" spans="2:2" x14ac:dyDescent="0.2">
      <c r="B661" s="12"/>
    </row>
    <row r="662" spans="2:2" x14ac:dyDescent="0.2">
      <c r="B662" s="12"/>
    </row>
    <row r="663" spans="2:2" x14ac:dyDescent="0.2">
      <c r="B663" s="12"/>
    </row>
    <row r="664" spans="2:2" x14ac:dyDescent="0.2">
      <c r="B664" s="12"/>
    </row>
    <row r="665" spans="2:2" x14ac:dyDescent="0.2">
      <c r="B665" s="12"/>
    </row>
    <row r="666" spans="2:2" x14ac:dyDescent="0.2">
      <c r="B666" s="12"/>
    </row>
    <row r="667" spans="2:2" x14ac:dyDescent="0.2">
      <c r="B667" s="12"/>
    </row>
  </sheetData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C300"/>
  <sheetViews>
    <sheetView zoomScale="90" zoomScaleNormal="90" workbookViewId="0">
      <selection activeCell="A10" sqref="A10"/>
    </sheetView>
  </sheetViews>
  <sheetFormatPr defaultRowHeight="15" x14ac:dyDescent="0.25"/>
  <cols>
    <col min="1" max="1" width="137.42578125" customWidth="1"/>
    <col min="2" max="2" width="96.5703125" style="7" bestFit="1" customWidth="1"/>
  </cols>
  <sheetData>
    <row r="1" spans="1:2" ht="18.75" thickBot="1" x14ac:dyDescent="0.3">
      <c r="A1" s="2" t="s">
        <v>374</v>
      </c>
      <c r="B1" s="2" t="s">
        <v>14</v>
      </c>
    </row>
    <row r="2" spans="1:2" s="4" customFormat="1" ht="38.25" x14ac:dyDescent="0.2">
      <c r="A2" s="6" t="s">
        <v>375</v>
      </c>
      <c r="B2" s="6" t="s">
        <v>18</v>
      </c>
    </row>
    <row r="3" spans="1:2" x14ac:dyDescent="0.25">
      <c r="A3" s="52"/>
      <c r="B3" s="53"/>
    </row>
    <row r="4" spans="1:2" x14ac:dyDescent="0.25">
      <c r="A4" s="69" t="s">
        <v>0</v>
      </c>
      <c r="B4" s="21"/>
    </row>
    <row r="5" spans="1:2" x14ac:dyDescent="0.25">
      <c r="A5" s="72" t="s">
        <v>117</v>
      </c>
      <c r="B5" s="21"/>
    </row>
    <row r="6" spans="1:2" x14ac:dyDescent="0.25">
      <c r="A6" s="70" t="s">
        <v>357</v>
      </c>
      <c r="B6" s="20"/>
    </row>
    <row r="7" spans="1:2" x14ac:dyDescent="0.25">
      <c r="A7" s="70" t="s">
        <v>1</v>
      </c>
      <c r="B7" s="21"/>
    </row>
    <row r="8" spans="1:2" x14ac:dyDescent="0.25">
      <c r="A8" s="70" t="s">
        <v>2</v>
      </c>
      <c r="B8" s="21"/>
    </row>
    <row r="9" spans="1:2" x14ac:dyDescent="0.25">
      <c r="A9" s="70" t="s">
        <v>27</v>
      </c>
      <c r="B9" s="23"/>
    </row>
    <row r="10" spans="1:2" x14ac:dyDescent="0.25">
      <c r="A10" s="70" t="s">
        <v>358</v>
      </c>
      <c r="B10" s="20"/>
    </row>
    <row r="11" spans="1:2" x14ac:dyDescent="0.25">
      <c r="A11" s="70" t="s">
        <v>3</v>
      </c>
      <c r="B11" s="20"/>
    </row>
    <row r="12" spans="1:2" x14ac:dyDescent="0.25">
      <c r="A12" s="70" t="s">
        <v>60</v>
      </c>
      <c r="B12" s="20"/>
    </row>
    <row r="13" spans="1:2" x14ac:dyDescent="0.25">
      <c r="A13" s="70" t="s">
        <v>359</v>
      </c>
      <c r="B13" s="21"/>
    </row>
    <row r="14" spans="1:2" x14ac:dyDescent="0.25">
      <c r="A14" s="70" t="s">
        <v>3</v>
      </c>
      <c r="B14" s="20"/>
    </row>
    <row r="15" spans="1:2" x14ac:dyDescent="0.25">
      <c r="A15" s="70" t="s">
        <v>61</v>
      </c>
      <c r="B15" s="20"/>
    </row>
    <row r="16" spans="1:2" x14ac:dyDescent="0.25">
      <c r="A16" s="70" t="s">
        <v>62</v>
      </c>
      <c r="B16" s="21"/>
    </row>
    <row r="17" spans="1:3" x14ac:dyDescent="0.25">
      <c r="A17" s="70" t="s">
        <v>360</v>
      </c>
      <c r="B17" s="20"/>
    </row>
    <row r="18" spans="1:3" x14ac:dyDescent="0.25">
      <c r="A18" s="70" t="s">
        <v>361</v>
      </c>
      <c r="B18" s="20"/>
    </row>
    <row r="19" spans="1:3" x14ac:dyDescent="0.25">
      <c r="A19" s="70" t="s">
        <v>63</v>
      </c>
      <c r="B19" s="20"/>
    </row>
    <row r="20" spans="1:3" x14ac:dyDescent="0.25">
      <c r="A20" s="70" t="s">
        <v>3</v>
      </c>
      <c r="B20" s="20"/>
    </row>
    <row r="21" spans="1:3" x14ac:dyDescent="0.25">
      <c r="A21" s="70" t="s">
        <v>64</v>
      </c>
      <c r="B21" s="21"/>
    </row>
    <row r="22" spans="1:3" x14ac:dyDescent="0.25">
      <c r="A22" s="70" t="s">
        <v>362</v>
      </c>
      <c r="B22" s="20"/>
    </row>
    <row r="23" spans="1:3" x14ac:dyDescent="0.25">
      <c r="A23" s="70" t="s">
        <v>3</v>
      </c>
      <c r="B23" s="21"/>
    </row>
    <row r="24" spans="1:3" x14ac:dyDescent="0.25">
      <c r="A24" s="70" t="s">
        <v>4</v>
      </c>
      <c r="B24" s="20"/>
    </row>
    <row r="25" spans="1:3" x14ac:dyDescent="0.25">
      <c r="A25" s="70" t="s">
        <v>5</v>
      </c>
      <c r="B25" s="20"/>
    </row>
    <row r="26" spans="1:3" x14ac:dyDescent="0.25">
      <c r="A26" s="70" t="s">
        <v>27</v>
      </c>
      <c r="B26" s="20"/>
    </row>
    <row r="27" spans="1:3" x14ac:dyDescent="0.25">
      <c r="A27" s="70" t="s">
        <v>152</v>
      </c>
      <c r="B27" s="20"/>
    </row>
    <row r="28" spans="1:3" x14ac:dyDescent="0.25">
      <c r="A28" s="70" t="s">
        <v>3</v>
      </c>
      <c r="B28" s="27"/>
    </row>
    <row r="29" spans="1:3" x14ac:dyDescent="0.25">
      <c r="A29" s="70" t="s">
        <v>23</v>
      </c>
      <c r="B29" s="20"/>
    </row>
    <row r="30" spans="1:3" x14ac:dyDescent="0.25">
      <c r="A30" s="70" t="s">
        <v>151</v>
      </c>
      <c r="B30" s="54"/>
    </row>
    <row r="31" spans="1:3" x14ac:dyDescent="0.25">
      <c r="A31" s="70" t="s">
        <v>3</v>
      </c>
      <c r="B31" s="55"/>
    </row>
    <row r="32" spans="1:3" x14ac:dyDescent="0.25">
      <c r="A32" s="70" t="s">
        <v>114</v>
      </c>
      <c r="B32" s="55"/>
      <c r="C32" s="10"/>
    </row>
    <row r="33" spans="1:2" x14ac:dyDescent="0.25">
      <c r="A33" s="70" t="s">
        <v>311</v>
      </c>
      <c r="B33" s="55"/>
    </row>
    <row r="34" spans="1:2" x14ac:dyDescent="0.25">
      <c r="A34" s="70" t="s">
        <v>3</v>
      </c>
      <c r="B34" s="55"/>
    </row>
    <row r="35" spans="1:2" x14ac:dyDescent="0.25">
      <c r="A35" s="70" t="s">
        <v>6</v>
      </c>
      <c r="B35" s="75"/>
    </row>
    <row r="36" spans="1:2" x14ac:dyDescent="0.25">
      <c r="A36" s="70" t="s">
        <v>7</v>
      </c>
      <c r="B36" s="76"/>
    </row>
    <row r="37" spans="1:2" x14ac:dyDescent="0.25">
      <c r="A37" s="70" t="s">
        <v>27</v>
      </c>
      <c r="B37" s="55"/>
    </row>
    <row r="38" spans="1:2" x14ac:dyDescent="0.25">
      <c r="A38" s="70" t="s">
        <v>65</v>
      </c>
      <c r="B38" s="55"/>
    </row>
    <row r="39" spans="1:2" x14ac:dyDescent="0.25">
      <c r="A39" s="70" t="s">
        <v>3</v>
      </c>
      <c r="B39" s="20"/>
    </row>
    <row r="40" spans="1:2" x14ac:dyDescent="0.25">
      <c r="A40" s="72" t="s">
        <v>8</v>
      </c>
      <c r="B40" s="56"/>
    </row>
    <row r="41" spans="1:2" x14ac:dyDescent="0.25">
      <c r="A41" s="70" t="s">
        <v>9</v>
      </c>
      <c r="B41" s="55"/>
    </row>
    <row r="42" spans="1:2" x14ac:dyDescent="0.25">
      <c r="A42" s="72" t="s">
        <v>10</v>
      </c>
      <c r="B42" s="54"/>
    </row>
    <row r="43" spans="1:2" x14ac:dyDescent="0.25">
      <c r="A43" s="72" t="s">
        <v>153</v>
      </c>
      <c r="B43" s="55"/>
    </row>
    <row r="44" spans="1:2" x14ac:dyDescent="0.25">
      <c r="A44" s="70" t="s">
        <v>15</v>
      </c>
      <c r="B44" s="55"/>
    </row>
    <row r="45" spans="1:2" x14ac:dyDescent="0.25">
      <c r="A45" s="70" t="s">
        <v>363</v>
      </c>
      <c r="B45" s="56"/>
    </row>
    <row r="46" spans="1:2" x14ac:dyDescent="0.25">
      <c r="A46" s="51" t="s">
        <v>364</v>
      </c>
      <c r="B46" s="79"/>
    </row>
    <row r="47" spans="1:2" x14ac:dyDescent="0.25">
      <c r="A47" s="70" t="s">
        <v>365</v>
      </c>
      <c r="B47" s="54"/>
    </row>
    <row r="48" spans="1:2" x14ac:dyDescent="0.25">
      <c r="A48" s="70" t="s">
        <v>366</v>
      </c>
      <c r="B48" s="55"/>
    </row>
    <row r="49" spans="1:2" x14ac:dyDescent="0.25">
      <c r="A49" s="70" t="s">
        <v>96</v>
      </c>
      <c r="B49" s="55"/>
    </row>
    <row r="50" spans="1:2" x14ac:dyDescent="0.25">
      <c r="A50" s="70" t="s">
        <v>367</v>
      </c>
      <c r="B50" s="54"/>
    </row>
    <row r="51" spans="1:2" x14ac:dyDescent="0.25">
      <c r="A51" s="70" t="s">
        <v>97</v>
      </c>
      <c r="B51" s="20"/>
    </row>
    <row r="52" spans="1:2" x14ac:dyDescent="0.25">
      <c r="A52" s="70" t="s">
        <v>103</v>
      </c>
      <c r="B52" s="20"/>
    </row>
    <row r="53" spans="1:2" x14ac:dyDescent="0.25">
      <c r="A53" s="70" t="s">
        <v>368</v>
      </c>
      <c r="B53" s="20"/>
    </row>
    <row r="54" spans="1:2" x14ac:dyDescent="0.25">
      <c r="A54" s="77" t="s">
        <v>369</v>
      </c>
      <c r="B54" s="20"/>
    </row>
    <row r="55" spans="1:2" x14ac:dyDescent="0.25">
      <c r="A55" s="77" t="s">
        <v>370</v>
      </c>
      <c r="B55" s="20"/>
    </row>
    <row r="56" spans="1:2" x14ac:dyDescent="0.25">
      <c r="A56" s="77" t="s">
        <v>371</v>
      </c>
      <c r="B56" s="20"/>
    </row>
    <row r="57" spans="1:2" x14ac:dyDescent="0.25">
      <c r="A57" s="77" t="s">
        <v>372</v>
      </c>
      <c r="B57" s="20"/>
    </row>
    <row r="58" spans="1:2" x14ac:dyDescent="0.25">
      <c r="A58" s="77" t="s">
        <v>373</v>
      </c>
      <c r="B58" s="20"/>
    </row>
    <row r="59" spans="1:2" x14ac:dyDescent="0.25">
      <c r="A59" s="77" t="s">
        <v>16</v>
      </c>
      <c r="B59" s="20"/>
    </row>
    <row r="60" spans="1:2" x14ac:dyDescent="0.25">
      <c r="A60" s="77" t="s">
        <v>17</v>
      </c>
      <c r="B60" s="20"/>
    </row>
    <row r="61" spans="1:2" x14ac:dyDescent="0.25">
      <c r="A61" s="77" t="s">
        <v>12</v>
      </c>
      <c r="B61" s="20"/>
    </row>
    <row r="62" spans="1:2" x14ac:dyDescent="0.25">
      <c r="A62" s="78" t="s">
        <v>13</v>
      </c>
      <c r="B62" s="20"/>
    </row>
    <row r="63" spans="1:2" x14ac:dyDescent="0.25">
      <c r="A63" s="7"/>
      <c r="B63" s="20"/>
    </row>
    <row r="64" spans="1:2" x14ac:dyDescent="0.25">
      <c r="A64" s="7"/>
      <c r="B64" s="20"/>
    </row>
    <row r="65" spans="1:2" x14ac:dyDescent="0.25">
      <c r="A65" s="7"/>
      <c r="B65" s="20"/>
    </row>
    <row r="66" spans="1:2" x14ac:dyDescent="0.25">
      <c r="A66" s="7"/>
      <c r="B66" s="20"/>
    </row>
    <row r="67" spans="1:2" x14ac:dyDescent="0.25">
      <c r="A67" s="7"/>
      <c r="B67" s="20"/>
    </row>
    <row r="68" spans="1:2" x14ac:dyDescent="0.25">
      <c r="A68" s="7"/>
      <c r="B68" s="20"/>
    </row>
    <row r="69" spans="1:2" x14ac:dyDescent="0.25">
      <c r="A69" s="7"/>
      <c r="B69" s="20"/>
    </row>
    <row r="70" spans="1:2" x14ac:dyDescent="0.25">
      <c r="A70" s="7"/>
      <c r="B70" s="20"/>
    </row>
    <row r="71" spans="1:2" x14ac:dyDescent="0.25">
      <c r="A71" s="7"/>
      <c r="B71" s="20"/>
    </row>
    <row r="72" spans="1:2" x14ac:dyDescent="0.25">
      <c r="A72" s="7"/>
      <c r="B72" s="20"/>
    </row>
    <row r="73" spans="1:2" x14ac:dyDescent="0.25">
      <c r="A73" s="7"/>
      <c r="B73" s="20"/>
    </row>
    <row r="74" spans="1:2" x14ac:dyDescent="0.25">
      <c r="A74" s="7"/>
      <c r="B74" s="20"/>
    </row>
    <row r="75" spans="1:2" x14ac:dyDescent="0.25">
      <c r="A75" s="7"/>
      <c r="B75" s="20"/>
    </row>
    <row r="76" spans="1:2" x14ac:dyDescent="0.25">
      <c r="A76" s="7"/>
      <c r="B76" s="20"/>
    </row>
    <row r="77" spans="1:2" x14ac:dyDescent="0.25">
      <c r="A77" s="7"/>
      <c r="B77" s="20"/>
    </row>
    <row r="78" spans="1:2" x14ac:dyDescent="0.25">
      <c r="A78" s="7"/>
      <c r="B78" s="20"/>
    </row>
    <row r="79" spans="1:2" x14ac:dyDescent="0.25">
      <c r="A79" s="7"/>
      <c r="B79" s="20"/>
    </row>
    <row r="80" spans="1:2" x14ac:dyDescent="0.25">
      <c r="A80" s="7"/>
      <c r="B80" s="20"/>
    </row>
    <row r="81" spans="1:2" x14ac:dyDescent="0.25">
      <c r="A81" s="7"/>
      <c r="B81" s="20"/>
    </row>
    <row r="82" spans="1:2" x14ac:dyDescent="0.25">
      <c r="A82" s="7"/>
      <c r="B82" s="20"/>
    </row>
    <row r="83" spans="1:2" x14ac:dyDescent="0.25">
      <c r="A83" s="7"/>
      <c r="B83" s="20"/>
    </row>
    <row r="84" spans="1:2" x14ac:dyDescent="0.25">
      <c r="A84" s="7"/>
      <c r="B84" s="20"/>
    </row>
    <row r="85" spans="1:2" x14ac:dyDescent="0.25">
      <c r="A85" s="7"/>
      <c r="B85" s="20"/>
    </row>
    <row r="86" spans="1:2" x14ac:dyDescent="0.25">
      <c r="A86" s="7"/>
      <c r="B86" s="20"/>
    </row>
    <row r="87" spans="1:2" x14ac:dyDescent="0.25">
      <c r="A87" s="7"/>
      <c r="B87" s="20"/>
    </row>
    <row r="88" spans="1:2" x14ac:dyDescent="0.25">
      <c r="A88" s="7"/>
      <c r="B88" s="20"/>
    </row>
    <row r="89" spans="1:2" x14ac:dyDescent="0.25">
      <c r="A89" s="7"/>
      <c r="B89" s="20"/>
    </row>
    <row r="90" spans="1:2" x14ac:dyDescent="0.25">
      <c r="A90" s="7"/>
      <c r="B90" s="20"/>
    </row>
    <row r="91" spans="1:2" x14ac:dyDescent="0.25">
      <c r="A91" s="7"/>
      <c r="B91" s="20"/>
    </row>
    <row r="92" spans="1:2" x14ac:dyDescent="0.25">
      <c r="A92" s="7"/>
      <c r="B92" s="20"/>
    </row>
    <row r="93" spans="1:2" x14ac:dyDescent="0.25">
      <c r="A93" s="7"/>
      <c r="B93" s="20"/>
    </row>
    <row r="94" spans="1:2" x14ac:dyDescent="0.25">
      <c r="A94" s="7"/>
      <c r="B94" s="20"/>
    </row>
    <row r="95" spans="1:2" x14ac:dyDescent="0.25">
      <c r="A95" s="7"/>
      <c r="B95" s="20"/>
    </row>
    <row r="96" spans="1:2" x14ac:dyDescent="0.25">
      <c r="A96" s="7"/>
      <c r="B96" s="20"/>
    </row>
    <row r="97" spans="1:2" x14ac:dyDescent="0.25">
      <c r="A97" s="7"/>
      <c r="B97" s="20"/>
    </row>
    <row r="98" spans="1:2" x14ac:dyDescent="0.25">
      <c r="A98" s="7"/>
      <c r="B98" s="20"/>
    </row>
    <row r="99" spans="1:2" x14ac:dyDescent="0.25">
      <c r="A99" s="7"/>
      <c r="B99" s="20"/>
    </row>
    <row r="100" spans="1:2" x14ac:dyDescent="0.25">
      <c r="A100" s="7"/>
      <c r="B100" s="20"/>
    </row>
    <row r="101" spans="1:2" x14ac:dyDescent="0.25">
      <c r="A101" s="7"/>
      <c r="B101" s="20"/>
    </row>
    <row r="102" spans="1:2" x14ac:dyDescent="0.25">
      <c r="A102" s="7"/>
      <c r="B102" s="20"/>
    </row>
    <row r="103" spans="1:2" x14ac:dyDescent="0.25">
      <c r="A103" s="7"/>
      <c r="B103" s="20"/>
    </row>
    <row r="104" spans="1:2" x14ac:dyDescent="0.25">
      <c r="A104" s="7"/>
      <c r="B104" s="20"/>
    </row>
    <row r="105" spans="1:2" x14ac:dyDescent="0.25">
      <c r="A105" s="7"/>
      <c r="B105" s="20"/>
    </row>
    <row r="106" spans="1:2" x14ac:dyDescent="0.25">
      <c r="A106" s="7"/>
      <c r="B106" s="20"/>
    </row>
    <row r="107" spans="1:2" x14ac:dyDescent="0.25">
      <c r="A107" s="7"/>
      <c r="B107" s="20"/>
    </row>
    <row r="108" spans="1:2" x14ac:dyDescent="0.25">
      <c r="A108" s="7"/>
      <c r="B108" s="20"/>
    </row>
    <row r="109" spans="1:2" x14ac:dyDescent="0.25">
      <c r="A109" s="7"/>
      <c r="B109" s="20"/>
    </row>
    <row r="110" spans="1:2" x14ac:dyDescent="0.25">
      <c r="A110" s="7"/>
      <c r="B110" s="20"/>
    </row>
    <row r="111" spans="1:2" x14ac:dyDescent="0.25">
      <c r="A111" s="7"/>
      <c r="B111" s="20"/>
    </row>
    <row r="112" spans="1:2" x14ac:dyDescent="0.25">
      <c r="A112" s="7"/>
      <c r="B112" s="20"/>
    </row>
    <row r="113" spans="1:2" x14ac:dyDescent="0.25">
      <c r="A113" s="7"/>
      <c r="B113" s="20"/>
    </row>
    <row r="114" spans="1:2" x14ac:dyDescent="0.25">
      <c r="A114" s="7"/>
      <c r="B114" s="20"/>
    </row>
    <row r="115" spans="1:2" x14ac:dyDescent="0.25">
      <c r="A115" s="7"/>
      <c r="B115" s="20"/>
    </row>
    <row r="116" spans="1:2" x14ac:dyDescent="0.25">
      <c r="A116" s="7"/>
      <c r="B116" s="20"/>
    </row>
    <row r="117" spans="1:2" x14ac:dyDescent="0.25">
      <c r="A117" s="7"/>
      <c r="B117" s="20"/>
    </row>
    <row r="118" spans="1:2" x14ac:dyDescent="0.25">
      <c r="A118" s="7"/>
      <c r="B118" s="20"/>
    </row>
    <row r="119" spans="1:2" x14ac:dyDescent="0.25">
      <c r="A119" s="7"/>
      <c r="B119" s="20"/>
    </row>
    <row r="120" spans="1:2" x14ac:dyDescent="0.25">
      <c r="A120" s="7"/>
      <c r="B120" s="20"/>
    </row>
    <row r="121" spans="1:2" x14ac:dyDescent="0.25">
      <c r="A121" s="7"/>
      <c r="B121" s="20"/>
    </row>
    <row r="122" spans="1:2" x14ac:dyDescent="0.25">
      <c r="A122" s="7"/>
      <c r="B122" s="20"/>
    </row>
    <row r="123" spans="1:2" x14ac:dyDescent="0.25">
      <c r="A123" s="7"/>
      <c r="B123" s="20"/>
    </row>
    <row r="124" spans="1:2" x14ac:dyDescent="0.25">
      <c r="A124" s="7"/>
      <c r="B124" s="20"/>
    </row>
    <row r="125" spans="1:2" x14ac:dyDescent="0.25">
      <c r="A125" s="7"/>
      <c r="B125" s="20"/>
    </row>
    <row r="126" spans="1:2" x14ac:dyDescent="0.25">
      <c r="A126" s="7"/>
      <c r="B126" s="20"/>
    </row>
    <row r="127" spans="1:2" x14ac:dyDescent="0.25">
      <c r="A127" s="7"/>
      <c r="B127" s="20"/>
    </row>
    <row r="128" spans="1:2" x14ac:dyDescent="0.25">
      <c r="A128" s="7"/>
      <c r="B128" s="20"/>
    </row>
    <row r="129" spans="1:2" x14ac:dyDescent="0.25">
      <c r="A129" s="7"/>
      <c r="B129" s="20"/>
    </row>
    <row r="130" spans="1:2" x14ac:dyDescent="0.25">
      <c r="A130" s="7"/>
      <c r="B130" s="20"/>
    </row>
    <row r="131" spans="1:2" x14ac:dyDescent="0.25">
      <c r="A131" s="7"/>
      <c r="B131" s="20"/>
    </row>
    <row r="132" spans="1:2" x14ac:dyDescent="0.25">
      <c r="A132" s="7"/>
      <c r="B132" s="20"/>
    </row>
    <row r="133" spans="1:2" x14ac:dyDescent="0.25">
      <c r="A133" s="7"/>
      <c r="B133" s="20"/>
    </row>
    <row r="134" spans="1:2" x14ac:dyDescent="0.25">
      <c r="A134" s="7"/>
      <c r="B134" s="20"/>
    </row>
    <row r="135" spans="1:2" x14ac:dyDescent="0.25">
      <c r="A135" s="7"/>
      <c r="B135" s="20"/>
    </row>
    <row r="136" spans="1:2" x14ac:dyDescent="0.25">
      <c r="A136" s="7"/>
      <c r="B136" s="20"/>
    </row>
    <row r="137" spans="1:2" x14ac:dyDescent="0.25">
      <c r="A137" s="7"/>
      <c r="B137" s="20"/>
    </row>
    <row r="138" spans="1:2" x14ac:dyDescent="0.25">
      <c r="A138" s="7"/>
      <c r="B138" s="20"/>
    </row>
    <row r="139" spans="1:2" x14ac:dyDescent="0.25">
      <c r="A139" s="7"/>
      <c r="B139" s="20"/>
    </row>
    <row r="140" spans="1:2" x14ac:dyDescent="0.25">
      <c r="A140" s="7"/>
      <c r="B140" s="20"/>
    </row>
    <row r="141" spans="1:2" x14ac:dyDescent="0.25">
      <c r="A141" s="7"/>
      <c r="B141" s="20"/>
    </row>
    <row r="142" spans="1:2" x14ac:dyDescent="0.25">
      <c r="A142" s="7"/>
      <c r="B142" s="20"/>
    </row>
    <row r="143" spans="1:2" x14ac:dyDescent="0.25">
      <c r="A143" s="7"/>
      <c r="B143" s="20"/>
    </row>
    <row r="144" spans="1:2" x14ac:dyDescent="0.25">
      <c r="A144" s="7"/>
      <c r="B144" s="20"/>
    </row>
    <row r="145" spans="1:2" x14ac:dyDescent="0.25">
      <c r="A145" s="7"/>
      <c r="B145" s="20"/>
    </row>
    <row r="146" spans="1:2" x14ac:dyDescent="0.25">
      <c r="A146" s="7"/>
      <c r="B146" s="20"/>
    </row>
    <row r="147" spans="1:2" x14ac:dyDescent="0.25">
      <c r="A147" s="7"/>
      <c r="B147" s="20"/>
    </row>
    <row r="148" spans="1:2" x14ac:dyDescent="0.25">
      <c r="A148" s="7"/>
      <c r="B148" s="20"/>
    </row>
    <row r="149" spans="1:2" x14ac:dyDescent="0.25">
      <c r="A149" s="7"/>
      <c r="B149" s="20"/>
    </row>
    <row r="150" spans="1:2" x14ac:dyDescent="0.25">
      <c r="A150" s="7"/>
      <c r="B150" s="20"/>
    </row>
    <row r="151" spans="1:2" x14ac:dyDescent="0.25">
      <c r="A151" s="7"/>
      <c r="B151" s="20"/>
    </row>
    <row r="152" spans="1:2" x14ac:dyDescent="0.25">
      <c r="A152" s="7"/>
      <c r="B152" s="20"/>
    </row>
    <row r="153" spans="1:2" x14ac:dyDescent="0.25">
      <c r="A153" s="7"/>
      <c r="B153" s="20"/>
    </row>
    <row r="154" spans="1:2" x14ac:dyDescent="0.25">
      <c r="A154" s="7"/>
      <c r="B154" s="20"/>
    </row>
    <row r="155" spans="1:2" x14ac:dyDescent="0.25">
      <c r="A155" s="7"/>
      <c r="B155" s="20"/>
    </row>
    <row r="156" spans="1:2" x14ac:dyDescent="0.25">
      <c r="A156" s="7"/>
      <c r="B156" s="20"/>
    </row>
    <row r="157" spans="1:2" x14ac:dyDescent="0.25">
      <c r="A157" s="7"/>
      <c r="B157" s="20"/>
    </row>
    <row r="158" spans="1:2" x14ac:dyDescent="0.25">
      <c r="A158" s="7"/>
      <c r="B158" s="20"/>
    </row>
    <row r="159" spans="1:2" x14ac:dyDescent="0.25">
      <c r="A159" s="7"/>
      <c r="B159" s="20"/>
    </row>
    <row r="160" spans="1:2" x14ac:dyDescent="0.25">
      <c r="A160" s="7"/>
      <c r="B160" s="20"/>
    </row>
    <row r="161" spans="1:2" x14ac:dyDescent="0.25">
      <c r="A161" s="33"/>
      <c r="B161" s="20"/>
    </row>
    <row r="162" spans="1:2" x14ac:dyDescent="0.25">
      <c r="A162" s="33"/>
      <c r="B162" s="20"/>
    </row>
    <row r="163" spans="1:2" x14ac:dyDescent="0.25">
      <c r="A163" s="33"/>
      <c r="B163" s="20"/>
    </row>
    <row r="164" spans="1:2" x14ac:dyDescent="0.25">
      <c r="A164" s="33"/>
      <c r="B164" s="20"/>
    </row>
    <row r="165" spans="1:2" x14ac:dyDescent="0.25">
      <c r="A165" s="33"/>
      <c r="B165" s="20"/>
    </row>
    <row r="166" spans="1:2" x14ac:dyDescent="0.25">
      <c r="A166" s="33"/>
      <c r="B166" s="20"/>
    </row>
    <row r="167" spans="1:2" x14ac:dyDescent="0.25">
      <c r="A167" s="33"/>
      <c r="B167" s="20"/>
    </row>
    <row r="168" spans="1:2" x14ac:dyDescent="0.25">
      <c r="A168" s="33"/>
      <c r="B168" s="20"/>
    </row>
    <row r="169" spans="1:2" x14ac:dyDescent="0.25">
      <c r="A169" s="33"/>
      <c r="B169" s="20"/>
    </row>
    <row r="170" spans="1:2" x14ac:dyDescent="0.25">
      <c r="A170" s="33"/>
      <c r="B170" s="20"/>
    </row>
    <row r="171" spans="1:2" x14ac:dyDescent="0.25">
      <c r="A171" s="33"/>
      <c r="B171" s="20"/>
    </row>
    <row r="172" spans="1:2" x14ac:dyDescent="0.25">
      <c r="A172" s="33"/>
      <c r="B172" s="20"/>
    </row>
    <row r="173" spans="1:2" x14ac:dyDescent="0.25">
      <c r="A173" s="33"/>
      <c r="B173" s="20"/>
    </row>
    <row r="174" spans="1:2" x14ac:dyDescent="0.25">
      <c r="A174" s="33"/>
      <c r="B174" s="20"/>
    </row>
    <row r="175" spans="1:2" x14ac:dyDescent="0.25">
      <c r="A175" s="33"/>
      <c r="B175" s="20"/>
    </row>
    <row r="176" spans="1:2" x14ac:dyDescent="0.25">
      <c r="A176" s="33"/>
      <c r="B176" s="20"/>
    </row>
    <row r="177" spans="1:2" x14ac:dyDescent="0.25">
      <c r="A177" s="33"/>
      <c r="B177" s="20"/>
    </row>
    <row r="178" spans="1:2" x14ac:dyDescent="0.25">
      <c r="A178" s="33"/>
      <c r="B178" s="20"/>
    </row>
    <row r="179" spans="1:2" x14ac:dyDescent="0.25">
      <c r="A179" s="33"/>
      <c r="B179" s="20"/>
    </row>
    <row r="180" spans="1:2" x14ac:dyDescent="0.25">
      <c r="A180" s="33"/>
      <c r="B180" s="20"/>
    </row>
    <row r="181" spans="1:2" x14ac:dyDescent="0.25">
      <c r="A181" s="33"/>
      <c r="B181" s="20"/>
    </row>
    <row r="182" spans="1:2" x14ac:dyDescent="0.25">
      <c r="A182" s="33"/>
      <c r="B182" s="20"/>
    </row>
    <row r="183" spans="1:2" x14ac:dyDescent="0.25">
      <c r="A183" s="33"/>
      <c r="B183" s="20"/>
    </row>
    <row r="184" spans="1:2" x14ac:dyDescent="0.25">
      <c r="A184" s="33"/>
      <c r="B184" s="20"/>
    </row>
    <row r="185" spans="1:2" x14ac:dyDescent="0.25">
      <c r="A185" s="33"/>
      <c r="B185" s="20"/>
    </row>
    <row r="186" spans="1:2" x14ac:dyDescent="0.25">
      <c r="A186" s="33"/>
      <c r="B186" s="20"/>
    </row>
    <row r="187" spans="1:2" x14ac:dyDescent="0.25">
      <c r="A187" s="33"/>
      <c r="B187" s="20"/>
    </row>
    <row r="188" spans="1:2" x14ac:dyDescent="0.25">
      <c r="A188" s="33"/>
      <c r="B188" s="20"/>
    </row>
    <row r="189" spans="1:2" x14ac:dyDescent="0.25">
      <c r="A189" s="20"/>
      <c r="B189" s="20"/>
    </row>
    <row r="190" spans="1:2" x14ac:dyDescent="0.25">
      <c r="A190" s="20"/>
      <c r="B190" s="20"/>
    </row>
    <row r="191" spans="1:2" x14ac:dyDescent="0.25">
      <c r="A191" s="33"/>
    </row>
    <row r="192" spans="1:2" x14ac:dyDescent="0.25">
      <c r="A192" s="33"/>
    </row>
    <row r="193" spans="1:1" x14ac:dyDescent="0.25">
      <c r="A193" s="33"/>
    </row>
    <row r="194" spans="1:1" x14ac:dyDescent="0.25">
      <c r="A194" s="33"/>
    </row>
    <row r="195" spans="1:1" x14ac:dyDescent="0.25">
      <c r="A195" s="7"/>
    </row>
    <row r="196" spans="1:1" x14ac:dyDescent="0.25">
      <c r="A196" s="7"/>
    </row>
    <row r="197" spans="1:1" x14ac:dyDescent="0.25">
      <c r="A197" s="7"/>
    </row>
    <row r="198" spans="1:1" x14ac:dyDescent="0.25">
      <c r="A198" s="7"/>
    </row>
    <row r="199" spans="1:1" x14ac:dyDescent="0.25">
      <c r="A199" s="7"/>
    </row>
    <row r="200" spans="1:1" x14ac:dyDescent="0.25">
      <c r="A200" s="7"/>
    </row>
    <row r="201" spans="1:1" x14ac:dyDescent="0.25">
      <c r="A201" s="7"/>
    </row>
    <row r="202" spans="1:1" x14ac:dyDescent="0.25">
      <c r="A202" s="7"/>
    </row>
    <row r="203" spans="1:1" x14ac:dyDescent="0.25">
      <c r="A203" s="7"/>
    </row>
    <row r="204" spans="1:1" x14ac:dyDescent="0.25">
      <c r="A204" s="7"/>
    </row>
    <row r="205" spans="1:1" x14ac:dyDescent="0.25">
      <c r="A205" s="7"/>
    </row>
    <row r="206" spans="1:1" x14ac:dyDescent="0.25">
      <c r="A206" s="7"/>
    </row>
    <row r="207" spans="1:1" x14ac:dyDescent="0.25">
      <c r="A207" s="7"/>
    </row>
    <row r="208" spans="1:1" x14ac:dyDescent="0.25">
      <c r="A208" s="7"/>
    </row>
    <row r="209" spans="1:1" x14ac:dyDescent="0.25">
      <c r="A209" s="7"/>
    </row>
    <row r="210" spans="1:1" x14ac:dyDescent="0.25">
      <c r="A210" s="7"/>
    </row>
    <row r="211" spans="1:1" x14ac:dyDescent="0.25">
      <c r="A211" s="7"/>
    </row>
    <row r="212" spans="1:1" x14ac:dyDescent="0.25">
      <c r="A212" s="7"/>
    </row>
    <row r="213" spans="1:1" x14ac:dyDescent="0.25">
      <c r="A213" s="7"/>
    </row>
    <row r="214" spans="1:1" x14ac:dyDescent="0.25">
      <c r="A214" s="7"/>
    </row>
    <row r="215" spans="1:1" x14ac:dyDescent="0.25">
      <c r="A215" s="7"/>
    </row>
    <row r="216" spans="1:1" x14ac:dyDescent="0.25">
      <c r="A216" s="7"/>
    </row>
    <row r="217" spans="1:1" x14ac:dyDescent="0.25">
      <c r="A217" s="7"/>
    </row>
    <row r="218" spans="1:1" x14ac:dyDescent="0.25">
      <c r="A218" s="7"/>
    </row>
    <row r="219" spans="1:1" x14ac:dyDescent="0.25">
      <c r="A219" s="7"/>
    </row>
    <row r="220" spans="1:1" x14ac:dyDescent="0.25">
      <c r="A220" s="7"/>
    </row>
    <row r="221" spans="1:1" x14ac:dyDescent="0.25">
      <c r="A221" s="7"/>
    </row>
    <row r="222" spans="1:1" x14ac:dyDescent="0.25">
      <c r="A222" s="7"/>
    </row>
    <row r="223" spans="1:1" x14ac:dyDescent="0.25">
      <c r="A223" s="7"/>
    </row>
    <row r="224" spans="1:1" x14ac:dyDescent="0.25">
      <c r="A224" s="7"/>
    </row>
    <row r="225" spans="1:1" x14ac:dyDescent="0.25">
      <c r="A225" s="7"/>
    </row>
    <row r="226" spans="1:1" x14ac:dyDescent="0.25">
      <c r="A226" s="7"/>
    </row>
    <row r="227" spans="1:1" x14ac:dyDescent="0.25">
      <c r="A227" s="7"/>
    </row>
    <row r="228" spans="1:1" x14ac:dyDescent="0.25">
      <c r="A228" s="7"/>
    </row>
    <row r="229" spans="1:1" x14ac:dyDescent="0.25">
      <c r="A229" s="7"/>
    </row>
    <row r="230" spans="1:1" x14ac:dyDescent="0.25">
      <c r="A230" s="7"/>
    </row>
    <row r="231" spans="1:1" x14ac:dyDescent="0.25">
      <c r="A231" s="7"/>
    </row>
    <row r="232" spans="1:1" x14ac:dyDescent="0.25">
      <c r="A232" s="7"/>
    </row>
    <row r="233" spans="1:1" x14ac:dyDescent="0.25">
      <c r="A233" s="7"/>
    </row>
    <row r="234" spans="1:1" x14ac:dyDescent="0.25">
      <c r="A234" s="7"/>
    </row>
    <row r="235" spans="1:1" x14ac:dyDescent="0.25">
      <c r="A235" s="7"/>
    </row>
    <row r="236" spans="1:1" x14ac:dyDescent="0.25">
      <c r="A236" s="7"/>
    </row>
    <row r="237" spans="1:1" x14ac:dyDescent="0.25">
      <c r="A237" s="7"/>
    </row>
    <row r="238" spans="1:1" x14ac:dyDescent="0.25">
      <c r="A238" s="7"/>
    </row>
    <row r="239" spans="1:1" x14ac:dyDescent="0.25">
      <c r="A239" s="7"/>
    </row>
    <row r="240" spans="1:1" x14ac:dyDescent="0.25">
      <c r="A240" s="7"/>
    </row>
    <row r="241" spans="1:1" x14ac:dyDescent="0.25">
      <c r="A241" s="7"/>
    </row>
    <row r="242" spans="1:1" x14ac:dyDescent="0.25">
      <c r="A242" s="7"/>
    </row>
    <row r="243" spans="1:1" x14ac:dyDescent="0.25">
      <c r="A243" s="7"/>
    </row>
    <row r="244" spans="1:1" x14ac:dyDescent="0.25">
      <c r="A244" s="7"/>
    </row>
    <row r="245" spans="1:1" x14ac:dyDescent="0.25">
      <c r="A245" s="7"/>
    </row>
    <row r="246" spans="1:1" x14ac:dyDescent="0.25">
      <c r="A246" s="7"/>
    </row>
    <row r="247" spans="1:1" x14ac:dyDescent="0.25">
      <c r="A247" s="7"/>
    </row>
    <row r="248" spans="1:1" x14ac:dyDescent="0.25">
      <c r="A248" s="7"/>
    </row>
    <row r="249" spans="1:1" x14ac:dyDescent="0.25">
      <c r="A249" s="7"/>
    </row>
    <row r="250" spans="1:1" x14ac:dyDescent="0.25">
      <c r="A250" s="7"/>
    </row>
    <row r="251" spans="1:1" x14ac:dyDescent="0.25">
      <c r="A251" s="7"/>
    </row>
    <row r="252" spans="1:1" x14ac:dyDescent="0.25">
      <c r="A252" s="7"/>
    </row>
    <row r="253" spans="1:1" x14ac:dyDescent="0.25">
      <c r="A253" s="7"/>
    </row>
    <row r="254" spans="1:1" x14ac:dyDescent="0.25">
      <c r="A254" s="7"/>
    </row>
    <row r="255" spans="1:1" x14ac:dyDescent="0.25">
      <c r="A255" s="7"/>
    </row>
    <row r="256" spans="1:1" x14ac:dyDescent="0.25">
      <c r="A256" s="7"/>
    </row>
    <row r="257" spans="1:1" x14ac:dyDescent="0.25">
      <c r="A257" s="7"/>
    </row>
    <row r="258" spans="1:1" x14ac:dyDescent="0.25">
      <c r="A258" s="7"/>
    </row>
    <row r="259" spans="1:1" x14ac:dyDescent="0.25">
      <c r="A259" s="7"/>
    </row>
    <row r="260" spans="1:1" x14ac:dyDescent="0.25">
      <c r="A260" s="7"/>
    </row>
    <row r="261" spans="1:1" x14ac:dyDescent="0.25">
      <c r="A261" s="7"/>
    </row>
    <row r="262" spans="1:1" x14ac:dyDescent="0.25">
      <c r="A262" s="7"/>
    </row>
    <row r="263" spans="1:1" x14ac:dyDescent="0.25">
      <c r="A263" s="7"/>
    </row>
    <row r="264" spans="1:1" x14ac:dyDescent="0.25">
      <c r="A264" s="7"/>
    </row>
    <row r="265" spans="1:1" x14ac:dyDescent="0.25">
      <c r="A265" s="7"/>
    </row>
    <row r="266" spans="1:1" x14ac:dyDescent="0.25">
      <c r="A266" s="7"/>
    </row>
    <row r="267" spans="1:1" x14ac:dyDescent="0.25">
      <c r="A267" s="7"/>
    </row>
    <row r="268" spans="1:1" x14ac:dyDescent="0.25">
      <c r="A268" s="7"/>
    </row>
    <row r="269" spans="1:1" x14ac:dyDescent="0.25">
      <c r="A269" s="7"/>
    </row>
    <row r="270" spans="1:1" x14ac:dyDescent="0.25">
      <c r="A270" s="7"/>
    </row>
    <row r="271" spans="1:1" x14ac:dyDescent="0.25">
      <c r="A271" s="7"/>
    </row>
    <row r="272" spans="1:1" x14ac:dyDescent="0.25">
      <c r="A272" s="7"/>
    </row>
    <row r="273" spans="1:1" x14ac:dyDescent="0.25">
      <c r="A273" s="7"/>
    </row>
    <row r="274" spans="1:1" x14ac:dyDescent="0.25">
      <c r="A274" s="7"/>
    </row>
    <row r="275" spans="1:1" x14ac:dyDescent="0.25">
      <c r="A275" s="7"/>
    </row>
    <row r="276" spans="1:1" x14ac:dyDescent="0.25">
      <c r="A276" s="7"/>
    </row>
    <row r="277" spans="1:1" x14ac:dyDescent="0.25">
      <c r="A277" s="7"/>
    </row>
    <row r="278" spans="1:1" x14ac:dyDescent="0.25">
      <c r="A278" s="7"/>
    </row>
    <row r="279" spans="1:1" x14ac:dyDescent="0.25">
      <c r="A279" s="7"/>
    </row>
    <row r="280" spans="1:1" x14ac:dyDescent="0.25">
      <c r="A280" s="7"/>
    </row>
    <row r="281" spans="1:1" x14ac:dyDescent="0.25">
      <c r="A281" s="7"/>
    </row>
    <row r="282" spans="1:1" x14ac:dyDescent="0.25">
      <c r="A282" s="7"/>
    </row>
    <row r="283" spans="1:1" x14ac:dyDescent="0.25">
      <c r="A283" s="7"/>
    </row>
    <row r="284" spans="1:1" x14ac:dyDescent="0.25">
      <c r="A284" s="7"/>
    </row>
    <row r="285" spans="1:1" x14ac:dyDescent="0.25">
      <c r="A285" s="7"/>
    </row>
    <row r="286" spans="1:1" x14ac:dyDescent="0.25">
      <c r="A286" s="7"/>
    </row>
    <row r="287" spans="1:1" x14ac:dyDescent="0.25">
      <c r="A287" s="7"/>
    </row>
    <row r="288" spans="1:1" x14ac:dyDescent="0.25">
      <c r="A288" s="7"/>
    </row>
    <row r="289" spans="1:1" x14ac:dyDescent="0.25">
      <c r="A289" s="7"/>
    </row>
    <row r="290" spans="1:1" x14ac:dyDescent="0.25">
      <c r="A290" s="7"/>
    </row>
    <row r="291" spans="1:1" x14ac:dyDescent="0.25">
      <c r="A291" s="7"/>
    </row>
    <row r="292" spans="1:1" x14ac:dyDescent="0.25">
      <c r="A292" s="7"/>
    </row>
    <row r="293" spans="1:1" x14ac:dyDescent="0.25">
      <c r="A293" s="7"/>
    </row>
    <row r="294" spans="1:1" x14ac:dyDescent="0.25">
      <c r="A294" s="7"/>
    </row>
    <row r="295" spans="1:1" x14ac:dyDescent="0.25">
      <c r="A295" s="7"/>
    </row>
    <row r="296" spans="1:1" x14ac:dyDescent="0.25">
      <c r="A296" s="7"/>
    </row>
    <row r="297" spans="1:1" x14ac:dyDescent="0.25">
      <c r="A297" s="7"/>
    </row>
    <row r="298" spans="1:1" x14ac:dyDescent="0.25">
      <c r="A298" s="7"/>
    </row>
    <row r="299" spans="1:1" x14ac:dyDescent="0.25">
      <c r="A299" s="7"/>
    </row>
    <row r="300" spans="1:1" x14ac:dyDescent="0.25">
      <c r="A300" s="7"/>
    </row>
  </sheetData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9B12F1-5F86-4646-8407-13F3E3CFF55B}">
  <dimension ref="A1:C301"/>
  <sheetViews>
    <sheetView topLeftCell="A37" zoomScale="90" zoomScaleNormal="90" workbookViewId="0">
      <selection activeCell="A122" sqref="A122"/>
    </sheetView>
  </sheetViews>
  <sheetFormatPr defaultRowHeight="15" x14ac:dyDescent="0.25"/>
  <cols>
    <col min="1" max="1" width="115.140625" style="11" customWidth="1"/>
    <col min="2" max="2" width="96.5703125" style="7" bestFit="1" customWidth="1"/>
    <col min="3" max="16384" width="9.140625" style="11"/>
  </cols>
  <sheetData>
    <row r="1" spans="1:2" ht="18.75" thickBot="1" x14ac:dyDescent="0.3">
      <c r="A1" s="2" t="s">
        <v>374</v>
      </c>
      <c r="B1" s="2" t="s">
        <v>14</v>
      </c>
    </row>
    <row r="2" spans="1:2" s="4" customFormat="1" ht="51" x14ac:dyDescent="0.2">
      <c r="A2" s="6" t="s">
        <v>375</v>
      </c>
      <c r="B2" s="6" t="s">
        <v>18</v>
      </c>
    </row>
    <row r="3" spans="1:2" x14ac:dyDescent="0.25">
      <c r="A3" s="52"/>
      <c r="B3" s="53"/>
    </row>
    <row r="4" spans="1:2" x14ac:dyDescent="0.25">
      <c r="A4" s="69" t="s">
        <v>0</v>
      </c>
      <c r="B4" s="21"/>
    </row>
    <row r="5" spans="1:2" x14ac:dyDescent="0.25">
      <c r="A5" s="72" t="s">
        <v>117</v>
      </c>
      <c r="B5" s="21"/>
    </row>
    <row r="6" spans="1:2" ht="30" x14ac:dyDescent="0.25">
      <c r="A6" s="72" t="s">
        <v>309</v>
      </c>
      <c r="B6" s="20"/>
    </row>
    <row r="7" spans="1:2" x14ac:dyDescent="0.25">
      <c r="A7" s="70" t="s">
        <v>1</v>
      </c>
      <c r="B7" s="21"/>
    </row>
    <row r="8" spans="1:2" x14ac:dyDescent="0.25">
      <c r="A8" s="70" t="s">
        <v>2</v>
      </c>
      <c r="B8" s="21"/>
    </row>
    <row r="9" spans="1:2" x14ac:dyDescent="0.25">
      <c r="A9" s="70" t="s">
        <v>27</v>
      </c>
      <c r="B9" s="23"/>
    </row>
    <row r="10" spans="1:2" x14ac:dyDescent="0.25">
      <c r="A10" s="70" t="s">
        <v>310</v>
      </c>
      <c r="B10" s="20"/>
    </row>
    <row r="11" spans="1:2" x14ac:dyDescent="0.25">
      <c r="A11" s="70" t="s">
        <v>3</v>
      </c>
      <c r="B11" s="20"/>
    </row>
    <row r="12" spans="1:2" x14ac:dyDescent="0.25">
      <c r="A12" s="70" t="s">
        <v>4</v>
      </c>
      <c r="B12" s="20"/>
    </row>
    <row r="13" spans="1:2" x14ac:dyDescent="0.25">
      <c r="A13" s="70" t="s">
        <v>5</v>
      </c>
      <c r="B13" s="21"/>
    </row>
    <row r="14" spans="1:2" x14ac:dyDescent="0.25">
      <c r="A14" s="70" t="s">
        <v>27</v>
      </c>
      <c r="B14" s="20"/>
    </row>
    <row r="15" spans="1:2" x14ac:dyDescent="0.25">
      <c r="A15" s="70" t="s">
        <v>152</v>
      </c>
      <c r="B15" s="20"/>
    </row>
    <row r="16" spans="1:2" x14ac:dyDescent="0.25">
      <c r="A16" s="70" t="s">
        <v>3</v>
      </c>
      <c r="B16" s="21"/>
    </row>
    <row r="17" spans="1:3" x14ac:dyDescent="0.25">
      <c r="A17" s="70" t="s">
        <v>23</v>
      </c>
      <c r="B17" s="20"/>
    </row>
    <row r="18" spans="1:3" x14ac:dyDescent="0.25">
      <c r="A18" s="70" t="s">
        <v>151</v>
      </c>
      <c r="B18" s="20"/>
    </row>
    <row r="19" spans="1:3" x14ac:dyDescent="0.25">
      <c r="A19" s="70" t="s">
        <v>3</v>
      </c>
      <c r="B19" s="20"/>
    </row>
    <row r="20" spans="1:3" x14ac:dyDescent="0.25">
      <c r="A20" s="70" t="s">
        <v>114</v>
      </c>
      <c r="B20" s="20"/>
    </row>
    <row r="21" spans="1:3" x14ac:dyDescent="0.25">
      <c r="A21" s="70" t="s">
        <v>311</v>
      </c>
      <c r="B21" s="21"/>
    </row>
    <row r="22" spans="1:3" x14ac:dyDescent="0.25">
      <c r="A22" s="70" t="s">
        <v>3</v>
      </c>
      <c r="B22" s="20"/>
    </row>
    <row r="23" spans="1:3" x14ac:dyDescent="0.25">
      <c r="A23" s="70" t="s">
        <v>6</v>
      </c>
      <c r="B23" s="21"/>
    </row>
    <row r="24" spans="1:3" x14ac:dyDescent="0.25">
      <c r="A24" s="70" t="s">
        <v>7</v>
      </c>
      <c r="B24" s="20"/>
    </row>
    <row r="25" spans="1:3" x14ac:dyDescent="0.25">
      <c r="A25" s="70" t="s">
        <v>27</v>
      </c>
      <c r="B25" s="20"/>
    </row>
    <row r="26" spans="1:3" x14ac:dyDescent="0.25">
      <c r="A26" s="70" t="s">
        <v>65</v>
      </c>
      <c r="B26" s="20"/>
    </row>
    <row r="27" spans="1:3" x14ac:dyDescent="0.25">
      <c r="A27" s="70" t="s">
        <v>3</v>
      </c>
      <c r="B27" s="20"/>
    </row>
    <row r="28" spans="1:3" x14ac:dyDescent="0.25">
      <c r="A28" s="70" t="s">
        <v>8</v>
      </c>
      <c r="B28" s="27"/>
    </row>
    <row r="29" spans="1:3" x14ac:dyDescent="0.25">
      <c r="A29" s="70" t="s">
        <v>9</v>
      </c>
      <c r="B29" s="20"/>
    </row>
    <row r="30" spans="1:3" x14ac:dyDescent="0.25">
      <c r="A30" s="70" t="s">
        <v>10</v>
      </c>
      <c r="B30" s="54"/>
    </row>
    <row r="31" spans="1:3" x14ac:dyDescent="0.25">
      <c r="A31" s="70" t="s">
        <v>153</v>
      </c>
      <c r="B31" s="55"/>
    </row>
    <row r="32" spans="1:3" x14ac:dyDescent="0.25">
      <c r="A32" s="70" t="s">
        <v>118</v>
      </c>
      <c r="B32" s="55"/>
      <c r="C32" s="10"/>
    </row>
    <row r="33" spans="1:2" x14ac:dyDescent="0.25">
      <c r="A33" s="70" t="s">
        <v>312</v>
      </c>
      <c r="B33" s="55"/>
    </row>
    <row r="34" spans="1:2" x14ac:dyDescent="0.25">
      <c r="A34" s="70" t="s">
        <v>313</v>
      </c>
      <c r="B34" s="55"/>
    </row>
    <row r="35" spans="1:2" x14ac:dyDescent="0.25">
      <c r="A35" s="70" t="s">
        <v>314</v>
      </c>
      <c r="B35" s="75"/>
    </row>
    <row r="36" spans="1:2" x14ac:dyDescent="0.25">
      <c r="A36" s="70" t="s">
        <v>315</v>
      </c>
      <c r="B36" s="76"/>
    </row>
    <row r="37" spans="1:2" x14ac:dyDescent="0.25">
      <c r="A37" s="70" t="s">
        <v>316</v>
      </c>
      <c r="B37" s="55"/>
    </row>
    <row r="38" spans="1:2" x14ac:dyDescent="0.25">
      <c r="A38" s="70" t="s">
        <v>317</v>
      </c>
      <c r="B38" s="55"/>
    </row>
    <row r="39" spans="1:2" x14ac:dyDescent="0.25">
      <c r="A39" s="70" t="s">
        <v>119</v>
      </c>
      <c r="B39" s="20"/>
    </row>
    <row r="40" spans="1:2" x14ac:dyDescent="0.25">
      <c r="A40" s="72" t="s">
        <v>318</v>
      </c>
      <c r="B40" s="56"/>
    </row>
    <row r="41" spans="1:2" x14ac:dyDescent="0.25">
      <c r="A41" s="72" t="s">
        <v>120</v>
      </c>
      <c r="B41" s="55"/>
    </row>
    <row r="42" spans="1:2" x14ac:dyDescent="0.25">
      <c r="A42" s="59" t="s">
        <v>319</v>
      </c>
      <c r="B42" s="54"/>
    </row>
    <row r="43" spans="1:2" x14ac:dyDescent="0.25">
      <c r="A43" s="72" t="s">
        <v>320</v>
      </c>
      <c r="B43" s="54"/>
    </row>
    <row r="44" spans="1:2" x14ac:dyDescent="0.25">
      <c r="A44" s="72" t="s">
        <v>321</v>
      </c>
      <c r="B44" s="55"/>
    </row>
    <row r="45" spans="1:2" x14ac:dyDescent="0.25">
      <c r="A45" s="70" t="s">
        <v>322</v>
      </c>
      <c r="B45" s="55"/>
    </row>
    <row r="46" spans="1:2" x14ac:dyDescent="0.25">
      <c r="A46" s="70" t="s">
        <v>323</v>
      </c>
      <c r="B46" s="56"/>
    </row>
    <row r="47" spans="1:2" x14ac:dyDescent="0.25">
      <c r="A47" s="51" t="s">
        <v>324</v>
      </c>
      <c r="B47" s="54"/>
    </row>
    <row r="48" spans="1:2" x14ac:dyDescent="0.25">
      <c r="A48" s="70" t="s">
        <v>29</v>
      </c>
      <c r="B48" s="54"/>
    </row>
    <row r="49" spans="1:2" x14ac:dyDescent="0.25">
      <c r="A49" s="70" t="s">
        <v>30</v>
      </c>
      <c r="B49" s="55"/>
    </row>
    <row r="50" spans="1:2" x14ac:dyDescent="0.25">
      <c r="A50" s="70" t="s">
        <v>325</v>
      </c>
      <c r="B50" s="55"/>
    </row>
    <row r="51" spans="1:2" x14ac:dyDescent="0.25">
      <c r="A51" s="70" t="s">
        <v>326</v>
      </c>
      <c r="B51" s="54"/>
    </row>
    <row r="52" spans="1:2" x14ac:dyDescent="0.25">
      <c r="A52" s="70" t="s">
        <v>120</v>
      </c>
      <c r="B52" s="20"/>
    </row>
    <row r="53" spans="1:2" x14ac:dyDescent="0.25">
      <c r="A53" s="70" t="s">
        <v>327</v>
      </c>
      <c r="B53" s="20"/>
    </row>
    <row r="54" spans="1:2" x14ac:dyDescent="0.25">
      <c r="A54" s="70" t="s">
        <v>328</v>
      </c>
      <c r="B54" s="20"/>
    </row>
    <row r="55" spans="1:2" ht="30" x14ac:dyDescent="0.25">
      <c r="A55" s="77" t="s">
        <v>329</v>
      </c>
      <c r="B55" s="20"/>
    </row>
    <row r="56" spans="1:2" x14ac:dyDescent="0.25">
      <c r="A56" s="77" t="s">
        <v>330</v>
      </c>
      <c r="B56" s="20"/>
    </row>
    <row r="57" spans="1:2" x14ac:dyDescent="0.25">
      <c r="A57" s="77" t="s">
        <v>331</v>
      </c>
      <c r="B57" s="20"/>
    </row>
    <row r="58" spans="1:2" x14ac:dyDescent="0.25">
      <c r="A58" s="77" t="s">
        <v>332</v>
      </c>
      <c r="B58" s="20"/>
    </row>
    <row r="59" spans="1:2" x14ac:dyDescent="0.25">
      <c r="A59" s="77" t="s">
        <v>333</v>
      </c>
      <c r="B59" s="20"/>
    </row>
    <row r="60" spans="1:2" x14ac:dyDescent="0.25">
      <c r="A60" s="77" t="s">
        <v>334</v>
      </c>
      <c r="B60" s="20"/>
    </row>
    <row r="61" spans="1:2" x14ac:dyDescent="0.25">
      <c r="A61" s="77" t="s">
        <v>324</v>
      </c>
      <c r="B61" s="20"/>
    </row>
    <row r="62" spans="1:2" x14ac:dyDescent="0.25">
      <c r="A62" s="77" t="s">
        <v>29</v>
      </c>
      <c r="B62" s="20"/>
    </row>
    <row r="63" spans="1:2" x14ac:dyDescent="0.25">
      <c r="A63" s="77" t="s">
        <v>30</v>
      </c>
      <c r="B63" s="20"/>
    </row>
    <row r="64" spans="1:2" x14ac:dyDescent="0.25">
      <c r="A64" s="77" t="s">
        <v>335</v>
      </c>
      <c r="B64" s="20"/>
    </row>
    <row r="65" spans="1:2" x14ac:dyDescent="0.25">
      <c r="A65" s="77" t="s">
        <v>336</v>
      </c>
      <c r="B65" s="20"/>
    </row>
    <row r="66" spans="1:2" x14ac:dyDescent="0.25">
      <c r="A66" s="77" t="s">
        <v>337</v>
      </c>
      <c r="B66" s="20"/>
    </row>
    <row r="67" spans="1:2" x14ac:dyDescent="0.25">
      <c r="A67" s="77" t="s">
        <v>338</v>
      </c>
      <c r="B67" s="20"/>
    </row>
    <row r="68" spans="1:2" x14ac:dyDescent="0.25">
      <c r="A68" s="77" t="s">
        <v>339</v>
      </c>
      <c r="B68" s="20"/>
    </row>
    <row r="69" spans="1:2" x14ac:dyDescent="0.25">
      <c r="A69" s="77" t="s">
        <v>340</v>
      </c>
      <c r="B69" s="20"/>
    </row>
    <row r="70" spans="1:2" x14ac:dyDescent="0.25">
      <c r="A70" s="77" t="s">
        <v>121</v>
      </c>
      <c r="B70" s="20"/>
    </row>
    <row r="71" spans="1:2" x14ac:dyDescent="0.25">
      <c r="A71" s="77" t="s">
        <v>122</v>
      </c>
      <c r="B71" s="20"/>
    </row>
    <row r="72" spans="1:2" x14ac:dyDescent="0.25">
      <c r="A72" s="77" t="s">
        <v>341</v>
      </c>
      <c r="B72" s="20"/>
    </row>
    <row r="73" spans="1:2" x14ac:dyDescent="0.25">
      <c r="A73" s="77" t="s">
        <v>342</v>
      </c>
      <c r="B73" s="20"/>
    </row>
    <row r="74" spans="1:2" x14ac:dyDescent="0.25">
      <c r="A74" s="77" t="s">
        <v>123</v>
      </c>
      <c r="B74" s="20"/>
    </row>
    <row r="75" spans="1:2" x14ac:dyDescent="0.25">
      <c r="A75" s="77" t="s">
        <v>343</v>
      </c>
      <c r="B75" s="20"/>
    </row>
    <row r="76" spans="1:2" x14ac:dyDescent="0.25">
      <c r="A76" s="77" t="s">
        <v>124</v>
      </c>
      <c r="B76" s="20"/>
    </row>
    <row r="77" spans="1:2" x14ac:dyDescent="0.25">
      <c r="A77" s="77" t="s">
        <v>125</v>
      </c>
      <c r="B77" s="20"/>
    </row>
    <row r="78" spans="1:2" x14ac:dyDescent="0.25">
      <c r="A78" s="77" t="s">
        <v>344</v>
      </c>
      <c r="B78" s="20"/>
    </row>
    <row r="79" spans="1:2" x14ac:dyDescent="0.25">
      <c r="A79" s="77" t="s">
        <v>126</v>
      </c>
      <c r="B79" s="20"/>
    </row>
    <row r="80" spans="1:2" x14ac:dyDescent="0.25">
      <c r="A80" s="77" t="s">
        <v>127</v>
      </c>
      <c r="B80" s="20"/>
    </row>
    <row r="81" spans="1:2" x14ac:dyDescent="0.25">
      <c r="A81" s="77" t="s">
        <v>128</v>
      </c>
      <c r="B81" s="20"/>
    </row>
    <row r="82" spans="1:2" x14ac:dyDescent="0.25">
      <c r="A82" s="77" t="s">
        <v>129</v>
      </c>
      <c r="B82" s="20"/>
    </row>
    <row r="83" spans="1:2" x14ac:dyDescent="0.25">
      <c r="A83" s="77" t="s">
        <v>345</v>
      </c>
      <c r="B83" s="20"/>
    </row>
    <row r="84" spans="1:2" ht="30" x14ac:dyDescent="0.25">
      <c r="A84" s="77" t="s">
        <v>346</v>
      </c>
      <c r="B84" s="20"/>
    </row>
    <row r="85" spans="1:2" x14ac:dyDescent="0.25">
      <c r="A85" s="77" t="s">
        <v>130</v>
      </c>
      <c r="B85" s="20"/>
    </row>
    <row r="86" spans="1:2" x14ac:dyDescent="0.25">
      <c r="A86" s="77" t="s">
        <v>131</v>
      </c>
      <c r="B86" s="20"/>
    </row>
    <row r="87" spans="1:2" x14ac:dyDescent="0.25">
      <c r="A87" s="77" t="s">
        <v>132</v>
      </c>
      <c r="B87" s="20"/>
    </row>
    <row r="88" spans="1:2" x14ac:dyDescent="0.25">
      <c r="A88" s="77" t="s">
        <v>347</v>
      </c>
      <c r="B88" s="20"/>
    </row>
    <row r="89" spans="1:2" x14ac:dyDescent="0.25">
      <c r="A89" s="77" t="s">
        <v>133</v>
      </c>
      <c r="B89" s="20"/>
    </row>
    <row r="90" spans="1:2" x14ac:dyDescent="0.25">
      <c r="A90" s="77" t="s">
        <v>134</v>
      </c>
      <c r="B90" s="20"/>
    </row>
    <row r="91" spans="1:2" x14ac:dyDescent="0.25">
      <c r="A91" s="77" t="s">
        <v>135</v>
      </c>
      <c r="B91" s="20"/>
    </row>
    <row r="92" spans="1:2" x14ac:dyDescent="0.25">
      <c r="A92" s="77" t="s">
        <v>348</v>
      </c>
      <c r="B92" s="20"/>
    </row>
    <row r="93" spans="1:2" x14ac:dyDescent="0.25">
      <c r="A93" s="77" t="s">
        <v>136</v>
      </c>
      <c r="B93" s="20"/>
    </row>
    <row r="94" spans="1:2" x14ac:dyDescent="0.25">
      <c r="A94" s="77" t="s">
        <v>349</v>
      </c>
      <c r="B94" s="20"/>
    </row>
    <row r="95" spans="1:2" x14ac:dyDescent="0.25">
      <c r="A95" s="77" t="s">
        <v>350</v>
      </c>
      <c r="B95" s="20"/>
    </row>
    <row r="96" spans="1:2" x14ac:dyDescent="0.25">
      <c r="A96" s="77" t="s">
        <v>351</v>
      </c>
      <c r="B96" s="20"/>
    </row>
    <row r="97" spans="1:2" x14ac:dyDescent="0.25">
      <c r="A97" s="77" t="s">
        <v>352</v>
      </c>
      <c r="B97" s="20"/>
    </row>
    <row r="98" spans="1:2" x14ac:dyDescent="0.25">
      <c r="A98" s="77" t="s">
        <v>353</v>
      </c>
      <c r="B98" s="20"/>
    </row>
    <row r="99" spans="1:2" x14ac:dyDescent="0.25">
      <c r="A99" s="77" t="s">
        <v>354</v>
      </c>
      <c r="B99" s="20"/>
    </row>
    <row r="100" spans="1:2" x14ac:dyDescent="0.25">
      <c r="A100" s="77" t="s">
        <v>355</v>
      </c>
      <c r="B100" s="20"/>
    </row>
    <row r="101" spans="1:2" x14ac:dyDescent="0.25">
      <c r="A101" s="77" t="s">
        <v>137</v>
      </c>
      <c r="B101" s="20"/>
    </row>
    <row r="102" spans="1:2" x14ac:dyDescent="0.25">
      <c r="A102" s="77" t="s">
        <v>138</v>
      </c>
      <c r="B102" s="20"/>
    </row>
    <row r="103" spans="1:2" x14ac:dyDescent="0.25">
      <c r="A103" s="77" t="s">
        <v>11</v>
      </c>
      <c r="B103" s="20"/>
    </row>
    <row r="104" spans="1:2" x14ac:dyDescent="0.25">
      <c r="A104" s="77" t="s">
        <v>356</v>
      </c>
      <c r="B104" s="20"/>
    </row>
    <row r="105" spans="1:2" x14ac:dyDescent="0.25">
      <c r="A105" s="77" t="s">
        <v>139</v>
      </c>
      <c r="B105" s="20"/>
    </row>
    <row r="106" spans="1:2" x14ac:dyDescent="0.25">
      <c r="A106" s="77" t="s">
        <v>140</v>
      </c>
      <c r="B106" s="20"/>
    </row>
    <row r="107" spans="1:2" x14ac:dyDescent="0.25">
      <c r="A107" s="77" t="s">
        <v>141</v>
      </c>
      <c r="B107" s="20"/>
    </row>
    <row r="108" spans="1:2" x14ac:dyDescent="0.25">
      <c r="A108" s="77" t="s">
        <v>12</v>
      </c>
      <c r="B108" s="20"/>
    </row>
    <row r="109" spans="1:2" x14ac:dyDescent="0.25">
      <c r="A109" s="78" t="s">
        <v>13</v>
      </c>
      <c r="B109" s="20"/>
    </row>
    <row r="110" spans="1:2" x14ac:dyDescent="0.25">
      <c r="A110" s="7"/>
      <c r="B110" s="20"/>
    </row>
    <row r="111" spans="1:2" x14ac:dyDescent="0.25">
      <c r="A111" s="7"/>
      <c r="B111" s="20"/>
    </row>
    <row r="112" spans="1:2" x14ac:dyDescent="0.25">
      <c r="A112" s="7"/>
      <c r="B112" s="20"/>
    </row>
    <row r="113" spans="1:2" x14ac:dyDescent="0.25">
      <c r="A113" s="7"/>
      <c r="B113" s="20"/>
    </row>
    <row r="114" spans="1:2" x14ac:dyDescent="0.25">
      <c r="A114" s="7"/>
      <c r="B114" s="20"/>
    </row>
    <row r="115" spans="1:2" x14ac:dyDescent="0.25">
      <c r="A115" s="7"/>
      <c r="B115" s="20"/>
    </row>
    <row r="116" spans="1:2" x14ac:dyDescent="0.25">
      <c r="A116" s="7"/>
      <c r="B116" s="20"/>
    </row>
    <row r="117" spans="1:2" x14ac:dyDescent="0.25">
      <c r="A117" s="7"/>
      <c r="B117" s="20"/>
    </row>
    <row r="118" spans="1:2" x14ac:dyDescent="0.25">
      <c r="A118" s="7"/>
      <c r="B118" s="20"/>
    </row>
    <row r="119" spans="1:2" x14ac:dyDescent="0.25">
      <c r="A119" s="7"/>
      <c r="B119" s="20"/>
    </row>
    <row r="120" spans="1:2" x14ac:dyDescent="0.25">
      <c r="A120" s="7"/>
      <c r="B120" s="20"/>
    </row>
    <row r="121" spans="1:2" x14ac:dyDescent="0.25">
      <c r="A121" s="7"/>
      <c r="B121" s="20"/>
    </row>
    <row r="122" spans="1:2" x14ac:dyDescent="0.25">
      <c r="A122" s="7"/>
      <c r="B122" s="20"/>
    </row>
    <row r="123" spans="1:2" x14ac:dyDescent="0.25">
      <c r="A123" s="7"/>
      <c r="B123" s="20"/>
    </row>
    <row r="124" spans="1:2" x14ac:dyDescent="0.25">
      <c r="A124" s="7"/>
      <c r="B124" s="20"/>
    </row>
    <row r="125" spans="1:2" x14ac:dyDescent="0.25">
      <c r="A125" s="7"/>
      <c r="B125" s="20"/>
    </row>
    <row r="126" spans="1:2" x14ac:dyDescent="0.25">
      <c r="A126" s="7"/>
      <c r="B126" s="20"/>
    </row>
    <row r="127" spans="1:2" x14ac:dyDescent="0.25">
      <c r="A127" s="7"/>
      <c r="B127" s="20"/>
    </row>
    <row r="128" spans="1:2" x14ac:dyDescent="0.25">
      <c r="A128" s="7"/>
      <c r="B128" s="20"/>
    </row>
    <row r="129" spans="1:2" x14ac:dyDescent="0.25">
      <c r="A129" s="7"/>
      <c r="B129" s="20"/>
    </row>
    <row r="130" spans="1:2" x14ac:dyDescent="0.25">
      <c r="A130" s="7"/>
      <c r="B130" s="20"/>
    </row>
    <row r="131" spans="1:2" x14ac:dyDescent="0.25">
      <c r="A131" s="7"/>
      <c r="B131" s="20"/>
    </row>
    <row r="132" spans="1:2" x14ac:dyDescent="0.25">
      <c r="A132" s="7"/>
      <c r="B132" s="20"/>
    </row>
    <row r="133" spans="1:2" x14ac:dyDescent="0.25">
      <c r="A133" s="7"/>
      <c r="B133" s="20"/>
    </row>
    <row r="134" spans="1:2" x14ac:dyDescent="0.25">
      <c r="A134" s="7"/>
      <c r="B134" s="20"/>
    </row>
    <row r="135" spans="1:2" x14ac:dyDescent="0.25">
      <c r="A135" s="7"/>
      <c r="B135" s="20"/>
    </row>
    <row r="136" spans="1:2" x14ac:dyDescent="0.25">
      <c r="A136" s="7"/>
      <c r="B136" s="20"/>
    </row>
    <row r="137" spans="1:2" x14ac:dyDescent="0.25">
      <c r="A137" s="7"/>
      <c r="B137" s="20"/>
    </row>
    <row r="138" spans="1:2" x14ac:dyDescent="0.25">
      <c r="A138" s="7"/>
      <c r="B138" s="20"/>
    </row>
    <row r="139" spans="1:2" x14ac:dyDescent="0.25">
      <c r="A139" s="7"/>
      <c r="B139" s="20"/>
    </row>
    <row r="140" spans="1:2" x14ac:dyDescent="0.25">
      <c r="A140" s="7"/>
      <c r="B140" s="20"/>
    </row>
    <row r="141" spans="1:2" x14ac:dyDescent="0.25">
      <c r="A141" s="7"/>
      <c r="B141" s="20"/>
    </row>
    <row r="142" spans="1:2" x14ac:dyDescent="0.25">
      <c r="A142" s="7"/>
      <c r="B142" s="20"/>
    </row>
    <row r="143" spans="1:2" x14ac:dyDescent="0.25">
      <c r="A143" s="7"/>
      <c r="B143" s="20"/>
    </row>
    <row r="144" spans="1:2" x14ac:dyDescent="0.25">
      <c r="A144" s="7"/>
      <c r="B144" s="20"/>
    </row>
    <row r="145" spans="1:2" x14ac:dyDescent="0.25">
      <c r="A145" s="7"/>
      <c r="B145" s="20"/>
    </row>
    <row r="146" spans="1:2" x14ac:dyDescent="0.25">
      <c r="A146" s="7"/>
      <c r="B146" s="20"/>
    </row>
    <row r="147" spans="1:2" x14ac:dyDescent="0.25">
      <c r="A147" s="7"/>
      <c r="B147" s="20"/>
    </row>
    <row r="148" spans="1:2" x14ac:dyDescent="0.25">
      <c r="A148" s="7"/>
      <c r="B148" s="20"/>
    </row>
    <row r="149" spans="1:2" x14ac:dyDescent="0.25">
      <c r="A149" s="7"/>
      <c r="B149" s="20"/>
    </row>
    <row r="150" spans="1:2" x14ac:dyDescent="0.25">
      <c r="A150" s="7"/>
      <c r="B150" s="20"/>
    </row>
    <row r="151" spans="1:2" x14ac:dyDescent="0.25">
      <c r="A151" s="7"/>
      <c r="B151" s="20"/>
    </row>
    <row r="152" spans="1:2" x14ac:dyDescent="0.25">
      <c r="A152" s="7"/>
      <c r="B152" s="20"/>
    </row>
    <row r="153" spans="1:2" x14ac:dyDescent="0.25">
      <c r="A153" s="7"/>
      <c r="B153" s="20"/>
    </row>
    <row r="154" spans="1:2" x14ac:dyDescent="0.25">
      <c r="A154" s="7"/>
      <c r="B154" s="20"/>
    </row>
    <row r="155" spans="1:2" x14ac:dyDescent="0.25">
      <c r="A155" s="7"/>
      <c r="B155" s="20"/>
    </row>
    <row r="156" spans="1:2" x14ac:dyDescent="0.25">
      <c r="A156" s="7"/>
      <c r="B156" s="20"/>
    </row>
    <row r="157" spans="1:2" x14ac:dyDescent="0.25">
      <c r="A157" s="7"/>
      <c r="B157" s="20"/>
    </row>
    <row r="158" spans="1:2" x14ac:dyDescent="0.25">
      <c r="A158" s="7"/>
      <c r="B158" s="20"/>
    </row>
    <row r="159" spans="1:2" x14ac:dyDescent="0.25">
      <c r="A159" s="7"/>
      <c r="B159" s="20"/>
    </row>
    <row r="160" spans="1:2" x14ac:dyDescent="0.25">
      <c r="A160" s="7"/>
      <c r="B160" s="20"/>
    </row>
    <row r="161" spans="1:2" x14ac:dyDescent="0.25">
      <c r="A161" s="7"/>
      <c r="B161" s="20"/>
    </row>
    <row r="162" spans="1:2" x14ac:dyDescent="0.25">
      <c r="A162" s="33"/>
      <c r="B162" s="20"/>
    </row>
    <row r="163" spans="1:2" x14ac:dyDescent="0.25">
      <c r="A163" s="33"/>
      <c r="B163" s="20"/>
    </row>
    <row r="164" spans="1:2" x14ac:dyDescent="0.25">
      <c r="A164" s="33"/>
      <c r="B164" s="20"/>
    </row>
    <row r="165" spans="1:2" x14ac:dyDescent="0.25">
      <c r="A165" s="33"/>
      <c r="B165" s="20"/>
    </row>
    <row r="166" spans="1:2" x14ac:dyDescent="0.25">
      <c r="A166" s="33"/>
      <c r="B166" s="20"/>
    </row>
    <row r="167" spans="1:2" x14ac:dyDescent="0.25">
      <c r="A167" s="33"/>
      <c r="B167" s="20"/>
    </row>
    <row r="168" spans="1:2" x14ac:dyDescent="0.25">
      <c r="A168" s="33"/>
      <c r="B168" s="20"/>
    </row>
    <row r="169" spans="1:2" x14ac:dyDescent="0.25">
      <c r="A169" s="33"/>
      <c r="B169" s="20"/>
    </row>
    <row r="170" spans="1:2" x14ac:dyDescent="0.25">
      <c r="A170" s="33"/>
      <c r="B170" s="20"/>
    </row>
    <row r="171" spans="1:2" x14ac:dyDescent="0.25">
      <c r="A171" s="33"/>
      <c r="B171" s="20"/>
    </row>
    <row r="172" spans="1:2" x14ac:dyDescent="0.25">
      <c r="A172" s="33"/>
      <c r="B172" s="20"/>
    </row>
    <row r="173" spans="1:2" x14ac:dyDescent="0.25">
      <c r="A173" s="33"/>
      <c r="B173" s="20"/>
    </row>
    <row r="174" spans="1:2" x14ac:dyDescent="0.25">
      <c r="A174" s="33"/>
      <c r="B174" s="20"/>
    </row>
    <row r="175" spans="1:2" x14ac:dyDescent="0.25">
      <c r="A175" s="33"/>
      <c r="B175" s="20"/>
    </row>
    <row r="176" spans="1:2" x14ac:dyDescent="0.25">
      <c r="A176" s="33"/>
      <c r="B176" s="20"/>
    </row>
    <row r="177" spans="1:2" x14ac:dyDescent="0.25">
      <c r="A177" s="33"/>
      <c r="B177" s="20"/>
    </row>
    <row r="178" spans="1:2" x14ac:dyDescent="0.25">
      <c r="A178" s="33"/>
      <c r="B178" s="20"/>
    </row>
    <row r="179" spans="1:2" x14ac:dyDescent="0.25">
      <c r="A179" s="33"/>
      <c r="B179" s="20"/>
    </row>
    <row r="180" spans="1:2" x14ac:dyDescent="0.25">
      <c r="A180" s="33"/>
      <c r="B180" s="20"/>
    </row>
    <row r="181" spans="1:2" x14ac:dyDescent="0.25">
      <c r="A181" s="33"/>
      <c r="B181" s="20"/>
    </row>
    <row r="182" spans="1:2" x14ac:dyDescent="0.25">
      <c r="A182" s="33"/>
      <c r="B182" s="20"/>
    </row>
    <row r="183" spans="1:2" x14ac:dyDescent="0.25">
      <c r="A183" s="33"/>
      <c r="B183" s="20"/>
    </row>
    <row r="184" spans="1:2" x14ac:dyDescent="0.25">
      <c r="A184" s="33"/>
      <c r="B184" s="20"/>
    </row>
    <row r="185" spans="1:2" x14ac:dyDescent="0.25">
      <c r="A185" s="33"/>
      <c r="B185" s="20"/>
    </row>
    <row r="186" spans="1:2" x14ac:dyDescent="0.25">
      <c r="A186" s="33"/>
      <c r="B186" s="20"/>
    </row>
    <row r="187" spans="1:2" x14ac:dyDescent="0.25">
      <c r="A187" s="33"/>
      <c r="B187" s="20"/>
    </row>
    <row r="188" spans="1:2" x14ac:dyDescent="0.25">
      <c r="A188" s="33"/>
      <c r="B188" s="20"/>
    </row>
    <row r="189" spans="1:2" x14ac:dyDescent="0.25">
      <c r="A189" s="33"/>
      <c r="B189" s="20"/>
    </row>
    <row r="190" spans="1:2" x14ac:dyDescent="0.25">
      <c r="A190" s="20"/>
      <c r="B190" s="20"/>
    </row>
    <row r="191" spans="1:2" x14ac:dyDescent="0.25">
      <c r="A191" s="20"/>
      <c r="B191" s="20"/>
    </row>
    <row r="192" spans="1:2" x14ac:dyDescent="0.25">
      <c r="A192" s="33"/>
    </row>
    <row r="193" spans="1:3" x14ac:dyDescent="0.25">
      <c r="A193" s="33"/>
    </row>
    <row r="194" spans="1:3" s="7" customFormat="1" x14ac:dyDescent="0.25">
      <c r="A194" s="33"/>
      <c r="C194" s="11"/>
    </row>
    <row r="195" spans="1:3" s="7" customFormat="1" x14ac:dyDescent="0.25">
      <c r="A195" s="33"/>
      <c r="C195" s="11"/>
    </row>
    <row r="196" spans="1:3" s="7" customFormat="1" x14ac:dyDescent="0.25">
      <c r="C196" s="11"/>
    </row>
    <row r="197" spans="1:3" s="7" customFormat="1" x14ac:dyDescent="0.25">
      <c r="C197" s="11"/>
    </row>
    <row r="198" spans="1:3" s="7" customFormat="1" x14ac:dyDescent="0.25">
      <c r="C198" s="11"/>
    </row>
    <row r="199" spans="1:3" s="7" customFormat="1" x14ac:dyDescent="0.25">
      <c r="C199" s="11"/>
    </row>
    <row r="200" spans="1:3" s="7" customFormat="1" x14ac:dyDescent="0.25">
      <c r="C200" s="11"/>
    </row>
    <row r="201" spans="1:3" s="7" customFormat="1" x14ac:dyDescent="0.25">
      <c r="C201" s="11"/>
    </row>
    <row r="202" spans="1:3" s="7" customFormat="1" x14ac:dyDescent="0.25">
      <c r="C202" s="11"/>
    </row>
    <row r="203" spans="1:3" s="7" customFormat="1" x14ac:dyDescent="0.25">
      <c r="C203" s="11"/>
    </row>
    <row r="204" spans="1:3" s="7" customFormat="1" x14ac:dyDescent="0.25">
      <c r="C204" s="11"/>
    </row>
    <row r="205" spans="1:3" s="7" customFormat="1" x14ac:dyDescent="0.25">
      <c r="C205" s="11"/>
    </row>
    <row r="206" spans="1:3" s="7" customFormat="1" x14ac:dyDescent="0.25">
      <c r="C206" s="11"/>
    </row>
    <row r="207" spans="1:3" s="7" customFormat="1" x14ac:dyDescent="0.25">
      <c r="C207" s="11"/>
    </row>
    <row r="208" spans="1:3" s="7" customFormat="1" x14ac:dyDescent="0.25">
      <c r="C208" s="11"/>
    </row>
    <row r="209" spans="3:3" s="7" customFormat="1" x14ac:dyDescent="0.25">
      <c r="C209" s="11"/>
    </row>
    <row r="210" spans="3:3" s="7" customFormat="1" x14ac:dyDescent="0.25">
      <c r="C210" s="11"/>
    </row>
    <row r="211" spans="3:3" s="7" customFormat="1" x14ac:dyDescent="0.25">
      <c r="C211" s="11"/>
    </row>
    <row r="212" spans="3:3" s="7" customFormat="1" x14ac:dyDescent="0.25">
      <c r="C212" s="11"/>
    </row>
    <row r="213" spans="3:3" s="7" customFormat="1" x14ac:dyDescent="0.25">
      <c r="C213" s="11"/>
    </row>
    <row r="214" spans="3:3" s="7" customFormat="1" x14ac:dyDescent="0.25">
      <c r="C214" s="11"/>
    </row>
    <row r="215" spans="3:3" s="7" customFormat="1" x14ac:dyDescent="0.25">
      <c r="C215" s="11"/>
    </row>
    <row r="216" spans="3:3" s="7" customFormat="1" x14ac:dyDescent="0.25">
      <c r="C216" s="11"/>
    </row>
    <row r="217" spans="3:3" s="7" customFormat="1" x14ac:dyDescent="0.25">
      <c r="C217" s="11"/>
    </row>
    <row r="218" spans="3:3" s="7" customFormat="1" x14ac:dyDescent="0.25">
      <c r="C218" s="11"/>
    </row>
    <row r="219" spans="3:3" s="7" customFormat="1" x14ac:dyDescent="0.25">
      <c r="C219" s="11"/>
    </row>
    <row r="220" spans="3:3" s="7" customFormat="1" x14ac:dyDescent="0.25">
      <c r="C220" s="11"/>
    </row>
    <row r="221" spans="3:3" s="7" customFormat="1" x14ac:dyDescent="0.25">
      <c r="C221" s="11"/>
    </row>
    <row r="222" spans="3:3" s="7" customFormat="1" x14ac:dyDescent="0.25">
      <c r="C222" s="11"/>
    </row>
    <row r="223" spans="3:3" s="7" customFormat="1" x14ac:dyDescent="0.25">
      <c r="C223" s="11"/>
    </row>
    <row r="224" spans="3:3" s="7" customFormat="1" x14ac:dyDescent="0.25">
      <c r="C224" s="11"/>
    </row>
    <row r="225" spans="3:3" s="7" customFormat="1" x14ac:dyDescent="0.25">
      <c r="C225" s="11"/>
    </row>
    <row r="226" spans="3:3" s="7" customFormat="1" x14ac:dyDescent="0.25">
      <c r="C226" s="11"/>
    </row>
    <row r="227" spans="3:3" s="7" customFormat="1" x14ac:dyDescent="0.25">
      <c r="C227" s="11"/>
    </row>
    <row r="228" spans="3:3" s="7" customFormat="1" x14ac:dyDescent="0.25">
      <c r="C228" s="11"/>
    </row>
    <row r="229" spans="3:3" s="7" customFormat="1" x14ac:dyDescent="0.25">
      <c r="C229" s="11"/>
    </row>
    <row r="230" spans="3:3" s="7" customFormat="1" x14ac:dyDescent="0.25">
      <c r="C230" s="11"/>
    </row>
    <row r="231" spans="3:3" s="7" customFormat="1" x14ac:dyDescent="0.25">
      <c r="C231" s="11"/>
    </row>
    <row r="232" spans="3:3" s="7" customFormat="1" x14ac:dyDescent="0.25">
      <c r="C232" s="11"/>
    </row>
    <row r="233" spans="3:3" s="7" customFormat="1" x14ac:dyDescent="0.25">
      <c r="C233" s="11"/>
    </row>
    <row r="234" spans="3:3" s="7" customFormat="1" x14ac:dyDescent="0.25">
      <c r="C234" s="11"/>
    </row>
    <row r="235" spans="3:3" s="7" customFormat="1" x14ac:dyDescent="0.25">
      <c r="C235" s="11"/>
    </row>
    <row r="236" spans="3:3" s="7" customFormat="1" x14ac:dyDescent="0.25">
      <c r="C236" s="11"/>
    </row>
    <row r="237" spans="3:3" s="7" customFormat="1" x14ac:dyDescent="0.25">
      <c r="C237" s="11"/>
    </row>
    <row r="238" spans="3:3" s="7" customFormat="1" x14ac:dyDescent="0.25">
      <c r="C238" s="11"/>
    </row>
    <row r="239" spans="3:3" s="7" customFormat="1" x14ac:dyDescent="0.25">
      <c r="C239" s="11"/>
    </row>
    <row r="240" spans="3:3" s="7" customFormat="1" x14ac:dyDescent="0.25">
      <c r="C240" s="11"/>
    </row>
    <row r="241" spans="3:3" s="7" customFormat="1" x14ac:dyDescent="0.25">
      <c r="C241" s="11"/>
    </row>
    <row r="242" spans="3:3" s="7" customFormat="1" x14ac:dyDescent="0.25">
      <c r="C242" s="11"/>
    </row>
    <row r="243" spans="3:3" s="7" customFormat="1" x14ac:dyDescent="0.25">
      <c r="C243" s="11"/>
    </row>
    <row r="244" spans="3:3" s="7" customFormat="1" x14ac:dyDescent="0.25">
      <c r="C244" s="11"/>
    </row>
    <row r="245" spans="3:3" s="7" customFormat="1" x14ac:dyDescent="0.25">
      <c r="C245" s="11"/>
    </row>
    <row r="246" spans="3:3" s="7" customFormat="1" x14ac:dyDescent="0.25">
      <c r="C246" s="11"/>
    </row>
    <row r="247" spans="3:3" s="7" customFormat="1" x14ac:dyDescent="0.25">
      <c r="C247" s="11"/>
    </row>
    <row r="248" spans="3:3" s="7" customFormat="1" x14ac:dyDescent="0.25">
      <c r="C248" s="11"/>
    </row>
    <row r="249" spans="3:3" s="7" customFormat="1" x14ac:dyDescent="0.25">
      <c r="C249" s="11"/>
    </row>
    <row r="250" spans="3:3" s="7" customFormat="1" x14ac:dyDescent="0.25">
      <c r="C250" s="11"/>
    </row>
    <row r="251" spans="3:3" s="7" customFormat="1" x14ac:dyDescent="0.25">
      <c r="C251" s="11"/>
    </row>
    <row r="252" spans="3:3" s="7" customFormat="1" x14ac:dyDescent="0.25">
      <c r="C252" s="11"/>
    </row>
    <row r="253" spans="3:3" s="7" customFormat="1" x14ac:dyDescent="0.25">
      <c r="C253" s="11"/>
    </row>
    <row r="254" spans="3:3" s="7" customFormat="1" x14ac:dyDescent="0.25">
      <c r="C254" s="11"/>
    </row>
    <row r="255" spans="3:3" s="7" customFormat="1" x14ac:dyDescent="0.25">
      <c r="C255" s="11"/>
    </row>
    <row r="256" spans="3:3" s="7" customFormat="1" x14ac:dyDescent="0.25">
      <c r="C256" s="11"/>
    </row>
    <row r="257" spans="3:3" s="7" customFormat="1" x14ac:dyDescent="0.25">
      <c r="C257" s="11"/>
    </row>
    <row r="258" spans="3:3" s="7" customFormat="1" x14ac:dyDescent="0.25">
      <c r="C258" s="11"/>
    </row>
    <row r="259" spans="3:3" s="7" customFormat="1" x14ac:dyDescent="0.25">
      <c r="C259" s="11"/>
    </row>
    <row r="260" spans="3:3" s="7" customFormat="1" x14ac:dyDescent="0.25">
      <c r="C260" s="11"/>
    </row>
    <row r="261" spans="3:3" s="7" customFormat="1" x14ac:dyDescent="0.25">
      <c r="C261" s="11"/>
    </row>
    <row r="262" spans="3:3" s="7" customFormat="1" x14ac:dyDescent="0.25">
      <c r="C262" s="11"/>
    </row>
    <row r="263" spans="3:3" s="7" customFormat="1" x14ac:dyDescent="0.25">
      <c r="C263" s="11"/>
    </row>
    <row r="264" spans="3:3" s="7" customFormat="1" x14ac:dyDescent="0.25">
      <c r="C264" s="11"/>
    </row>
    <row r="265" spans="3:3" s="7" customFormat="1" x14ac:dyDescent="0.25">
      <c r="C265" s="11"/>
    </row>
    <row r="266" spans="3:3" s="7" customFormat="1" x14ac:dyDescent="0.25">
      <c r="C266" s="11"/>
    </row>
    <row r="267" spans="3:3" s="7" customFormat="1" x14ac:dyDescent="0.25">
      <c r="C267" s="11"/>
    </row>
    <row r="268" spans="3:3" s="7" customFormat="1" x14ac:dyDescent="0.25">
      <c r="C268" s="11"/>
    </row>
    <row r="269" spans="3:3" s="7" customFormat="1" x14ac:dyDescent="0.25">
      <c r="C269" s="11"/>
    </row>
    <row r="270" spans="3:3" s="7" customFormat="1" x14ac:dyDescent="0.25">
      <c r="C270" s="11"/>
    </row>
    <row r="271" spans="3:3" s="7" customFormat="1" x14ac:dyDescent="0.25">
      <c r="C271" s="11"/>
    </row>
    <row r="272" spans="3:3" s="7" customFormat="1" x14ac:dyDescent="0.25">
      <c r="C272" s="11"/>
    </row>
    <row r="273" spans="3:3" s="7" customFormat="1" x14ac:dyDescent="0.25">
      <c r="C273" s="11"/>
    </row>
    <row r="274" spans="3:3" s="7" customFormat="1" x14ac:dyDescent="0.25">
      <c r="C274" s="11"/>
    </row>
    <row r="275" spans="3:3" s="7" customFormat="1" x14ac:dyDescent="0.25">
      <c r="C275" s="11"/>
    </row>
    <row r="276" spans="3:3" s="7" customFormat="1" x14ac:dyDescent="0.25">
      <c r="C276" s="11"/>
    </row>
    <row r="277" spans="3:3" s="7" customFormat="1" x14ac:dyDescent="0.25">
      <c r="C277" s="11"/>
    </row>
    <row r="278" spans="3:3" s="7" customFormat="1" x14ac:dyDescent="0.25">
      <c r="C278" s="11"/>
    </row>
    <row r="279" spans="3:3" s="7" customFormat="1" x14ac:dyDescent="0.25">
      <c r="C279" s="11"/>
    </row>
    <row r="280" spans="3:3" s="7" customFormat="1" x14ac:dyDescent="0.25">
      <c r="C280" s="11"/>
    </row>
    <row r="281" spans="3:3" s="7" customFormat="1" x14ac:dyDescent="0.25">
      <c r="C281" s="11"/>
    </row>
    <row r="282" spans="3:3" s="7" customFormat="1" x14ac:dyDescent="0.25">
      <c r="C282" s="11"/>
    </row>
    <row r="283" spans="3:3" s="7" customFormat="1" x14ac:dyDescent="0.25">
      <c r="C283" s="11"/>
    </row>
    <row r="284" spans="3:3" s="7" customFormat="1" x14ac:dyDescent="0.25">
      <c r="C284" s="11"/>
    </row>
    <row r="285" spans="3:3" s="7" customFormat="1" x14ac:dyDescent="0.25">
      <c r="C285" s="11"/>
    </row>
    <row r="286" spans="3:3" s="7" customFormat="1" x14ac:dyDescent="0.25">
      <c r="C286" s="11"/>
    </row>
    <row r="287" spans="3:3" s="7" customFormat="1" x14ac:dyDescent="0.25">
      <c r="C287" s="11"/>
    </row>
    <row r="288" spans="3:3" s="7" customFormat="1" x14ac:dyDescent="0.25">
      <c r="C288" s="11"/>
    </row>
    <row r="289" spans="3:3" s="7" customFormat="1" x14ac:dyDescent="0.25">
      <c r="C289" s="11"/>
    </row>
    <row r="290" spans="3:3" s="7" customFormat="1" x14ac:dyDescent="0.25">
      <c r="C290" s="11"/>
    </row>
    <row r="291" spans="3:3" s="7" customFormat="1" x14ac:dyDescent="0.25">
      <c r="C291" s="11"/>
    </row>
    <row r="292" spans="3:3" s="7" customFormat="1" x14ac:dyDescent="0.25">
      <c r="C292" s="11"/>
    </row>
    <row r="293" spans="3:3" s="7" customFormat="1" x14ac:dyDescent="0.25">
      <c r="C293" s="11"/>
    </row>
    <row r="294" spans="3:3" s="7" customFormat="1" x14ac:dyDescent="0.25">
      <c r="C294" s="11"/>
    </row>
    <row r="295" spans="3:3" s="7" customFormat="1" x14ac:dyDescent="0.25">
      <c r="C295" s="11"/>
    </row>
    <row r="296" spans="3:3" s="7" customFormat="1" x14ac:dyDescent="0.25">
      <c r="C296" s="11"/>
    </row>
    <row r="297" spans="3:3" s="7" customFormat="1" x14ac:dyDescent="0.25">
      <c r="C297" s="11"/>
    </row>
    <row r="298" spans="3:3" s="7" customFormat="1" x14ac:dyDescent="0.25">
      <c r="C298" s="11"/>
    </row>
    <row r="299" spans="3:3" s="7" customFormat="1" x14ac:dyDescent="0.25">
      <c r="C299" s="11"/>
    </row>
    <row r="300" spans="3:3" s="7" customFormat="1" x14ac:dyDescent="0.25">
      <c r="C300" s="11"/>
    </row>
    <row r="301" spans="3:3" s="7" customFormat="1" x14ac:dyDescent="0.25">
      <c r="C301" s="11"/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olution xmlns="3E6C4D2C-9925-4D28-9349-9744CD06214E"/>
    <DeploymentStartDate xmlns="3E6C4D2C-9925-4D28-9349-9744CD06214E" xsi:nil="true"/>
    <CustomTag xmlns="3E6C4D2C-9925-4D28-9349-9744CD06214E" xsi:nil="true"/>
    <SAP_x0020_Activate_x0020_Phase xmlns="3E6C4D2C-9925-4D28-9349-9744CD06214E"/>
    <Region xmlns="3E6C4D2C-9925-4D28-9349-9744CD06214E"/>
    <SAP_x0020_Activate_x0020_Workstream xmlns="3E6C4D2C-9925-4D28-9349-9744CD06214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5BF5F73F546C449B1C3775F80D0B681" ma:contentTypeVersion="5" ma:contentTypeDescription="Create a new document." ma:contentTypeScope="" ma:versionID="e3e674d342b226ecb7e2dc2defca98fc">
  <xsd:schema xmlns:xsd="http://www.w3.org/2001/XMLSchema" xmlns:xs="http://www.w3.org/2001/XMLSchema" xmlns:p="http://schemas.microsoft.com/office/2006/metadata/properties" xmlns:ns2="3E6C4D2C-9925-4D28-9349-9744CD06214E" xmlns:ns3="3e6c4d2c-9925-4d28-9349-9744cd06214e" targetNamespace="http://schemas.microsoft.com/office/2006/metadata/properties" ma:root="true" ma:fieldsID="5301a4234852ab6d4bc64b2cbda9cf79" ns2:_="" ns3:_="">
    <xsd:import namespace="3E6C4D2C-9925-4D28-9349-9744CD06214E"/>
    <xsd:import namespace="3e6c4d2c-9925-4d28-9349-9744cd06214e"/>
    <xsd:element name="properties">
      <xsd:complexType>
        <xsd:sequence>
          <xsd:element name="documentManagement">
            <xsd:complexType>
              <xsd:all>
                <xsd:element ref="ns2:Region" minOccurs="0"/>
                <xsd:element ref="ns2:Solution" minOccurs="0"/>
                <xsd:element ref="ns2:SAP_x0020_Activate_x0020_Phase" minOccurs="0"/>
                <xsd:element ref="ns2:SAP_x0020_Activate_x0020_Workstream" minOccurs="0"/>
                <xsd:element ref="ns2:MediaServiceMetadata" minOccurs="0"/>
                <xsd:element ref="ns2:MediaServiceFastMetadata" minOccurs="0"/>
                <xsd:element ref="ns2:DeploymentStartDate" minOccurs="0"/>
                <xsd:element ref="ns2:CustomTag" minOccurs="0"/>
                <xsd:element ref="ns3:MediaServiceAutoKeyPoints" minOccurs="0"/>
                <xsd:element ref="ns3:MediaServiceKeyPoints" minOccurs="0"/>
                <xsd:element ref="ns3:MediaServiceAutoTags" minOccurs="0"/>
                <xsd:element ref="ns3:MediaServiceGenerationTime" minOccurs="0"/>
                <xsd:element ref="ns3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6C4D2C-9925-4D28-9349-9744CD06214E" elementFormDefault="qualified">
    <xsd:import namespace="http://schemas.microsoft.com/office/2006/documentManagement/types"/>
    <xsd:import namespace="http://schemas.microsoft.com/office/infopath/2007/PartnerControls"/>
    <xsd:element name="Region" ma:index="8" nillable="true" ma:displayName="Region" ma:internalName="Region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NA"/>
                    <xsd:enumeration value="EMEA/MEE"/>
                    <xsd:enumeration value="AFRICA"/>
                    <xsd:enumeration value="MENA"/>
                    <xsd:enumeration value="BRAZIL"/>
                    <xsd:enumeration value="LATAM"/>
                    <xsd:enumeration value="ANZ"/>
                    <xsd:enumeration value="JAPAN"/>
                    <xsd:enumeration value="KOREA"/>
                    <xsd:enumeration value="SE ASIA"/>
                    <xsd:enumeration value="CHINA"/>
                    <xsd:enumeration value="INDIA"/>
                  </xsd:restriction>
                </xsd:simpleType>
              </xsd:element>
            </xsd:sequence>
          </xsd:extension>
        </xsd:complexContent>
      </xsd:complexType>
    </xsd:element>
    <xsd:element name="Solution" ma:index="9" nillable="true" ma:displayName="Solution" ma:internalName="Solution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Procurement"/>
                    <xsd:enumeration value="Strategic Sourcing"/>
                    <xsd:enumeration value="Spend Analysis"/>
                    <xsd:enumeration value="Network Enablement"/>
                    <xsd:enumeration value="Supply Chain Collaboration"/>
                    <xsd:enumeration value="Payables"/>
                    <xsd:enumeration value="Invoice Conversion Services"/>
                    <xsd:enumeration value="Supplier Management"/>
                  </xsd:restriction>
                </xsd:simpleType>
              </xsd:element>
            </xsd:sequence>
          </xsd:extension>
        </xsd:complexContent>
      </xsd:complexType>
    </xsd:element>
    <xsd:element name="SAP_x0020_Activate_x0020_Phase" ma:index="10" nillable="true" ma:displayName="SAP Activate Phase" ma:internalName="SAP_x0020_Activate_x0020_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Prepare"/>
                    <xsd:enumeration value="Explore"/>
                    <xsd:enumeration value="Realize"/>
                    <xsd:enumeration value="Deploy"/>
                    <xsd:enumeration value="Run"/>
                  </xsd:restriction>
                </xsd:simpleType>
              </xsd:element>
            </xsd:sequence>
          </xsd:extension>
        </xsd:complexContent>
      </xsd:complexType>
    </xsd:element>
    <xsd:element name="SAP_x0020_Activate_x0020_Workstream" ma:index="11" nillable="true" ma:displayName="SAP Activate Workstream" ma:internalName="SAP_x0020_Activate_x0020_Workstream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Project Management"/>
                    <xsd:enumeration value="Application: Solution Adoption"/>
                    <xsd:enumeration value="Application: Customer Team Enablement"/>
                    <xsd:enumeration value="Application: Design and Configuration"/>
                    <xsd:enumeration value="Application: Integration"/>
                    <xsd:enumeration value="Application: Testing"/>
                    <xsd:enumeration value="Custom Code Extensions"/>
                    <xsd:enumeration value="Technical Architecture and Infrastructure"/>
                    <xsd:enumeration value="System Data Migration"/>
                    <xsd:enumeration value="Transition to Operations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2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hidden="true" ma:internalName="MediaServiceFastMetadata" ma:readOnly="true">
      <xsd:simpleType>
        <xsd:restriction base="dms:Note"/>
      </xsd:simpleType>
    </xsd:element>
    <xsd:element name="DeploymentStartDate" ma:index="14" nillable="true" ma:displayName="Deployment Start Date" ma:format="DateOnly" ma:indexed="true" ma:internalName="DeploymentStartDate">
      <xsd:simpleType>
        <xsd:restriction base="dms:DateTime"/>
      </xsd:simpleType>
    </xsd:element>
    <xsd:element name="CustomTag" ma:index="15" nillable="true" ma:displayName="Custom Tag" ma:indexed="true" ma:internalName="CustomTag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6c4d2c-9925-4d28-9349-9744cd06214e" elementFormDefault="qualified">
    <xsd:import namespace="http://schemas.microsoft.com/office/2006/documentManagement/types"/>
    <xsd:import namespace="http://schemas.microsoft.com/office/infopath/2007/PartnerControls"/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AutoTags" ma:index="18" nillable="true" ma:displayName="Tags" ma:internalName="MediaServiceAutoTags" ma:readOnly="true">
      <xsd:simpleType>
        <xsd:restriction base="dms:Text"/>
      </xsd:simpleType>
    </xsd:element>
    <xsd:element name="MediaServiceGenerationTime" ma:index="19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0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A7602FA6-6962-4373-88F7-D6FB80ACB118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CE464E55-4683-46B3-9514-4B9D6B367A97}">
  <ds:schemaRefs>
    <ds:schemaRef ds:uri="545a69a4-b9e0-40da-8b4a-c5b5f1b8f8a4"/>
    <ds:schemaRef ds:uri="http://schemas.microsoft.com/sharepoint/v3"/>
    <ds:schemaRef ds:uri="http://schemas.microsoft.com/office/2006/documentManagement/types"/>
    <ds:schemaRef ds:uri="http://schemas.microsoft.com/sharepoint/v3/fields"/>
    <ds:schemaRef ds:uri="http://schemas.openxmlformats.org/package/2006/metadata/core-properties"/>
    <ds:schemaRef ds:uri="http://purl.org/dc/elements/1.1/"/>
    <ds:schemaRef ds:uri="http://schemas.microsoft.com/office/infopath/2007/PartnerControls"/>
    <ds:schemaRef ds:uri="http://schemas.microsoft.com/office/2006/metadata/properties"/>
    <ds:schemaRef ds:uri="http://purl.org/dc/terms/"/>
    <ds:schemaRef ds:uri="a8988f89-705f-481a-a825-309b8b0101c2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201C44F3-A3C1-4797-8490-0EDA718F99A5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1-PO</vt:lpstr>
      <vt:lpstr>2-Invoice</vt:lpstr>
      <vt:lpstr>3-Order Confirmation</vt:lpstr>
      <vt:lpstr>4-Advance Ship Notic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llison Briggs</dc:creator>
  <cp:lastModifiedBy>D'Alonzo, John</cp:lastModifiedBy>
  <dcterms:created xsi:type="dcterms:W3CDTF">2013-05-13T12:04:47Z</dcterms:created>
  <dcterms:modified xsi:type="dcterms:W3CDTF">2020-01-17T16:36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5BF5F73F546C449B1C3775F80D0B681</vt:lpwstr>
  </property>
</Properties>
</file>